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境川橋" sheetId="1" r:id="rId1"/>
    <sheet name="日連大橋" sheetId="2" r:id="rId2"/>
    <sheet name="湖央西部" sheetId="3" r:id="rId3"/>
    <sheet name="湖央東部" sheetId="4" r:id="rId4"/>
    <sheet name="相模湖大橋" sheetId="5" r:id="rId5"/>
  </sheets>
  <calcPr calcId="0"/>
</workbook>
</file>

<file path=xl/sharedStrings.xml><?xml version="1.0" encoding="utf-8"?>
<sst xmlns="http://schemas.openxmlformats.org/spreadsheetml/2006/main" count="3373" uniqueCount="388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晴れ</t>
  </si>
  <si>
    <t>降雨なし</t>
  </si>
  <si>
    <t>14.8</t>
  </si>
  <si>
    <t>12.9</t>
  </si>
  <si>
    <t>0.5</t>
  </si>
  <si>
    <t>8.3</t>
  </si>
  <si>
    <t>1.1</t>
  </si>
  <si>
    <t>通常の状況</t>
  </si>
  <si>
    <t>緑色・淡（明）</t>
  </si>
  <si>
    <t>無臭</t>
  </si>
  <si>
    <t>7.7</t>
  </si>
  <si>
    <t>1.3</t>
  </si>
  <si>
    <t>1.9</t>
  </si>
  <si>
    <t>3</t>
  </si>
  <si>
    <t>12.8</t>
  </si>
  <si>
    <t>7.3</t>
  </si>
  <si>
    <t>7.8</t>
  </si>
  <si>
    <t>1.0</t>
  </si>
  <si>
    <t>1.8</t>
  </si>
  <si>
    <t>3.9</t>
  </si>
  <si>
    <t>2018/05/25</t>
  </si>
  <si>
    <t>24.6</t>
  </si>
  <si>
    <t>16.8</t>
  </si>
  <si>
    <t>3.0</t>
  </si>
  <si>
    <t>7.9</t>
  </si>
  <si>
    <t>1.7</t>
  </si>
  <si>
    <t>2.4</t>
  </si>
  <si>
    <t>1</t>
  </si>
  <si>
    <t>16.2</t>
  </si>
  <si>
    <t>6.3</t>
  </si>
  <si>
    <t>3.4</t>
  </si>
  <si>
    <t>2018/06/13</t>
  </si>
  <si>
    <t>曇り</t>
  </si>
  <si>
    <t>19.1</t>
  </si>
  <si>
    <t>21.1</t>
  </si>
  <si>
    <t>6.7</t>
  </si>
  <si>
    <t>赤潮（またはアオコ等）が発生している</t>
  </si>
  <si>
    <t>緑色・中</t>
  </si>
  <si>
    <t>8.5</t>
  </si>
  <si>
    <t>10</t>
  </si>
  <si>
    <t>11</t>
  </si>
  <si>
    <t>2</t>
  </si>
  <si>
    <t>18.4</t>
  </si>
  <si>
    <t>5.7</t>
  </si>
  <si>
    <t>2.7</t>
  </si>
  <si>
    <t>3.1</t>
  </si>
  <si>
    <t>2018/07/04</t>
  </si>
  <si>
    <t>雨</t>
  </si>
  <si>
    <t>23.7</t>
  </si>
  <si>
    <t>25.4</t>
  </si>
  <si>
    <t>1.5</t>
  </si>
  <si>
    <t>8.7</t>
  </si>
  <si>
    <t>5.1</t>
  </si>
  <si>
    <t>6.0</t>
  </si>
  <si>
    <t>20.5</t>
  </si>
  <si>
    <t>7.5</t>
  </si>
  <si>
    <t>8.1</t>
  </si>
  <si>
    <t>2.1</t>
  </si>
  <si>
    <t>2.9</t>
  </si>
  <si>
    <t>4.0</t>
  </si>
  <si>
    <t>2018/08/23</t>
  </si>
  <si>
    <t>30.6</t>
  </si>
  <si>
    <t>24.9</t>
  </si>
  <si>
    <t>3.3</t>
  </si>
  <si>
    <t>9.1</t>
  </si>
  <si>
    <t>1.4</t>
  </si>
  <si>
    <t>4.1</t>
  </si>
  <si>
    <t>19.7</t>
  </si>
  <si>
    <t>0.7</t>
  </si>
  <si>
    <t>2.3</t>
  </si>
  <si>
    <t>6</t>
  </si>
  <si>
    <t>3.6</t>
  </si>
  <si>
    <t>2018/09/19</t>
  </si>
  <si>
    <t>21.2</t>
  </si>
  <si>
    <t>19.2</t>
  </si>
  <si>
    <t>7.6</t>
  </si>
  <si>
    <t>19.0</t>
  </si>
  <si>
    <t>6.6</t>
  </si>
  <si>
    <t>0.4</t>
  </si>
  <si>
    <t>1.6</t>
  </si>
  <si>
    <t>2018/10/25</t>
  </si>
  <si>
    <t>11.2</t>
  </si>
  <si>
    <t>14.7</t>
  </si>
  <si>
    <t>9.4</t>
  </si>
  <si>
    <t>1.2</t>
  </si>
  <si>
    <t>14.6</t>
  </si>
  <si>
    <t>8.4</t>
  </si>
  <si>
    <t>4.5</t>
  </si>
  <si>
    <t>2018/11/19</t>
  </si>
  <si>
    <t>14.2</t>
  </si>
  <si>
    <t>12.7</t>
  </si>
  <si>
    <t>6.5</t>
  </si>
  <si>
    <t>0.9</t>
  </si>
  <si>
    <t>12.6</t>
  </si>
  <si>
    <t>5.5</t>
  </si>
  <si>
    <t>2.2</t>
  </si>
  <si>
    <t>2018/12/05</t>
  </si>
  <si>
    <t>15.6</t>
  </si>
  <si>
    <t>13.1</t>
  </si>
  <si>
    <t>13.2</t>
  </si>
  <si>
    <t>2019/01/09</t>
  </si>
  <si>
    <t>9.8</t>
  </si>
  <si>
    <t>2.6</t>
  </si>
  <si>
    <t>0.8</t>
  </si>
  <si>
    <t>2.5</t>
  </si>
  <si>
    <t>8.8</t>
  </si>
  <si>
    <t>2.0</t>
  </si>
  <si>
    <t>4.7</t>
  </si>
  <si>
    <t>2019/02/21</t>
  </si>
  <si>
    <t>11.3</t>
  </si>
  <si>
    <t>2019/03/06</t>
  </si>
  <si>
    <t>10.8</t>
  </si>
  <si>
    <t>10.4</t>
  </si>
  <si>
    <t>10.3</t>
  </si>
  <si>
    <t>17.9</t>
  </si>
  <si>
    <t>13.6</t>
  </si>
  <si>
    <t>黄緑色・中</t>
  </si>
  <si>
    <t>13.0</t>
  </si>
  <si>
    <t>6.8</t>
  </si>
  <si>
    <t>3.7</t>
  </si>
  <si>
    <t>19.5</t>
  </si>
  <si>
    <t>灰黄緑色・中</t>
  </si>
  <si>
    <t>9.0</t>
  </si>
  <si>
    <t>3.5</t>
  </si>
  <si>
    <t>15.2</t>
  </si>
  <si>
    <t>12.2</t>
  </si>
  <si>
    <t>6.4</t>
  </si>
  <si>
    <t>20.3</t>
  </si>
  <si>
    <t>8.6</t>
  </si>
  <si>
    <t>2.8</t>
  </si>
  <si>
    <t>18.0</t>
  </si>
  <si>
    <t>12.1</t>
  </si>
  <si>
    <t>23.5</t>
  </si>
  <si>
    <t>25.1</t>
  </si>
  <si>
    <t>14.4</t>
  </si>
  <si>
    <t>4.3</t>
  </si>
  <si>
    <t>13.4</t>
  </si>
  <si>
    <t>7.0</t>
  </si>
  <si>
    <t>30.3</t>
  </si>
  <si>
    <t>25.2</t>
  </si>
  <si>
    <t>14.0</t>
  </si>
  <si>
    <t>5.3</t>
  </si>
  <si>
    <t>20.9</t>
  </si>
  <si>
    <t>19.6</t>
  </si>
  <si>
    <t>13.9</t>
  </si>
  <si>
    <t>19.3</t>
  </si>
  <si>
    <t>15.3</t>
  </si>
  <si>
    <t>15.4</t>
  </si>
  <si>
    <t>14.3</t>
  </si>
  <si>
    <t>12.4</t>
  </si>
  <si>
    <t>13.7</t>
  </si>
  <si>
    <t>8.2</t>
  </si>
  <si>
    <t>12.5</t>
  </si>
  <si>
    <t>7.1</t>
  </si>
  <si>
    <t>16.0</t>
  </si>
  <si>
    <t>11.6</t>
  </si>
  <si>
    <t>10.5</t>
  </si>
  <si>
    <t>9.5</t>
  </si>
  <si>
    <t>5.0</t>
  </si>
  <si>
    <t>13.5</t>
  </si>
  <si>
    <t>9.9</t>
  </si>
  <si>
    <t>8.9</t>
  </si>
  <si>
    <t>0.6</t>
  </si>
  <si>
    <t>10.0</t>
  </si>
  <si>
    <t>4</t>
  </si>
  <si>
    <t>9.3</t>
  </si>
  <si>
    <t>5.2</t>
  </si>
  <si>
    <t>16.5</t>
  </si>
  <si>
    <t>15.0</t>
  </si>
  <si>
    <t>26.0</t>
  </si>
  <si>
    <t>18.7</t>
  </si>
  <si>
    <t>16.4</t>
  </si>
  <si>
    <t>22.9</t>
  </si>
  <si>
    <t>21.0</t>
  </si>
  <si>
    <t>23.2</t>
  </si>
  <si>
    <t>23.9</t>
  </si>
  <si>
    <t>緑褐色・淡（明）</t>
  </si>
  <si>
    <t>5</t>
  </si>
  <si>
    <t>24.1</t>
  </si>
  <si>
    <t>18.1</t>
  </si>
  <si>
    <t>16.1</t>
  </si>
  <si>
    <t>8.0</t>
  </si>
  <si>
    <t>13.8</t>
  </si>
  <si>
    <t>4.8</t>
  </si>
  <si>
    <t>6.9</t>
  </si>
  <si>
    <t>5.9</t>
  </si>
  <si>
    <t>11.4</t>
  </si>
  <si>
    <t>10.6</t>
  </si>
  <si>
    <t>9.7</t>
  </si>
  <si>
    <t>11.8</t>
  </si>
  <si>
    <t>6.2</t>
  </si>
  <si>
    <t>17.8</t>
  </si>
  <si>
    <t>21.5</t>
  </si>
  <si>
    <t>25.6</t>
  </si>
  <si>
    <t>&lt;1</t>
  </si>
  <si>
    <t>24.4</t>
  </si>
  <si>
    <t>21.8</t>
  </si>
  <si>
    <t>20.8</t>
  </si>
  <si>
    <t>10.7</t>
  </si>
  <si>
    <t>23.4</t>
  </si>
  <si>
    <t>21.4</t>
  </si>
  <si>
    <t>20.4</t>
  </si>
  <si>
    <t>30.5</t>
  </si>
  <si>
    <t>24.0</t>
  </si>
  <si>
    <t>19.4</t>
  </si>
  <si>
    <t>緑褐色・中</t>
  </si>
  <si>
    <t>4.4</t>
  </si>
  <si>
    <t>19.8</t>
  </si>
  <si>
    <t>10.2</t>
  </si>
  <si>
    <t>18.5</t>
  </si>
  <si>
    <t>19.9</t>
  </si>
  <si>
    <t>17</t>
  </si>
  <si>
    <t>20.2</t>
  </si>
  <si>
    <t>20.6</t>
  </si>
  <si>
    <t>12.0</t>
  </si>
  <si>
    <t>10.1</t>
  </si>
  <si>
    <t>18.9</t>
  </si>
  <si>
    <t>9.2</t>
  </si>
  <si>
    <t>17.0</t>
  </si>
  <si>
    <t>17.4</t>
  </si>
  <si>
    <t>14.9</t>
  </si>
  <si>
    <t>26.6</t>
  </si>
  <si>
    <t>26.1</t>
  </si>
  <si>
    <t>17.7</t>
  </si>
  <si>
    <t>25.0</t>
  </si>
  <si>
    <t>20.1</t>
  </si>
  <si>
    <t>25.5</t>
  </si>
  <si>
    <t>18.8</t>
  </si>
  <si>
    <t>24.5</t>
  </si>
  <si>
    <t>25.7</t>
  </si>
  <si>
    <t>24.7</t>
  </si>
  <si>
    <t>30.8</t>
  </si>
  <si>
    <t>23.6</t>
  </si>
  <si>
    <t>7</t>
  </si>
  <si>
    <t>26.4</t>
  </si>
  <si>
    <t>12.3</t>
  </si>
  <si>
    <t>25.9</t>
  </si>
  <si>
    <t>灰緑色・淡（明）</t>
  </si>
  <si>
    <t>20</t>
  </si>
  <si>
    <t>14.1</t>
  </si>
  <si>
    <t>16</t>
  </si>
  <si>
    <t>8</t>
  </si>
  <si>
    <t>22.6</t>
  </si>
  <si>
    <t>22.3</t>
  </si>
  <si>
    <t>21.3</t>
  </si>
  <si>
    <t>10.9</t>
  </si>
  <si>
    <t>15.1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相模湖</t>
  </si>
  <si>
    <t>境川橋(14-502-51)</t>
  </si>
  <si>
    <t>湖沼A</t>
  </si>
  <si>
    <t>相模原市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下層</t>
  </si>
  <si>
    <t>0mm以上5mm未満</t>
  </si>
  <si>
    <t>日連大橋(14-502-52)</t>
  </si>
  <si>
    <t>湖央西部(14-502-53)</t>
  </si>
  <si>
    <t>湖央東部(14-502-01)</t>
  </si>
  <si>
    <t>相模湖大橋(14-502-54)</t>
  </si>
  <si>
    <t>ｎ-ヘキサン抽出物質</t>
  </si>
  <si>
    <t>鉛</t>
  </si>
  <si>
    <t>MPN/100mL</t>
  </si>
  <si>
    <t>&lt;0.5</t>
  </si>
  <si>
    <t>&lt;0.0005</t>
  </si>
  <si>
    <t>&lt;0.0001</t>
  </si>
  <si>
    <t>&lt;0.0003</t>
  </si>
  <si>
    <t>&lt;0.01</t>
  </si>
  <si>
    <t>&lt;0.02</t>
  </si>
  <si>
    <t>&lt;0.005</t>
  </si>
  <si>
    <t>&lt;2.0E00</t>
  </si>
  <si>
    <t>1，3-ジクロロプロペン</t>
  </si>
  <si>
    <t>銅</t>
  </si>
  <si>
    <t>溶解性鉄</t>
  </si>
  <si>
    <t>&lt;0.0002</t>
  </si>
  <si>
    <t>&lt;0.002</t>
  </si>
  <si>
    <t>&lt;0.08</t>
  </si>
  <si>
    <t>有機りん</t>
  </si>
  <si>
    <t>mS/m</t>
  </si>
  <si>
    <t>‰</t>
  </si>
  <si>
    <t>&lt;0.04</t>
  </si>
  <si>
    <t>&lt;0.03</t>
  </si>
  <si>
    <t>&lt;0.001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上層、下層の混合</t>
  </si>
  <si>
    <t/>
  </si>
  <si>
    <t>0.0043</t>
  </si>
  <si>
    <t>&lt;0.00006</t>
  </si>
  <si>
    <t>0.0025</t>
  </si>
  <si>
    <t>&lt;0.0006</t>
  </si>
  <si>
    <t>0.0008</t>
  </si>
  <si>
    <t>0.0012</t>
  </si>
  <si>
    <t>0.0033</t>
  </si>
  <si>
    <t>0.0034</t>
  </si>
  <si>
    <t>0.010</t>
  </si>
  <si>
    <t>0.0074</t>
  </si>
  <si>
    <t>0.004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26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21</v>
      </c>
      <c r="C1" s="1" t="s">
        <v>1</v>
      </c>
      <c r="D1" s="1" t="s">
        <v>322</v>
      </c>
      <c r="E1" s="1" t="s">
        <v>2</v>
      </c>
      <c r="F1" s="1" t="s">
        <v>323</v>
      </c>
      <c r="G1" s="1" t="s">
        <v>3</v>
      </c>
      <c r="H1" s="1" t="s">
        <v>32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25</v>
      </c>
      <c r="V2" s="1" t="s">
        <v>274</v>
      </c>
      <c r="W2" s="1" t="s">
        <v>339</v>
      </c>
      <c r="X2" s="1" t="s">
        <v>275</v>
      </c>
      <c r="Y2" s="1" t="s">
        <v>276</v>
      </c>
      <c r="Z2" s="1" t="s">
        <v>277</v>
      </c>
      <c r="AA2" s="1" t="s">
        <v>364</v>
      </c>
      <c r="AB2" s="1" t="s">
        <v>373</v>
      </c>
      <c r="AC2" s="1" t="s">
        <v>278</v>
      </c>
      <c r="AD2" s="1" t="s">
        <v>279</v>
      </c>
      <c r="AE2" s="1" t="s">
        <v>340</v>
      </c>
      <c r="AF2" s="1" t="s">
        <v>280</v>
      </c>
      <c r="AG2" s="1" t="s">
        <v>281</v>
      </c>
      <c r="AH2" s="1" t="s">
        <v>282</v>
      </c>
      <c r="AI2" s="1" t="s">
        <v>283</v>
      </c>
      <c r="AJ2" s="1" t="s">
        <v>284</v>
      </c>
      <c r="AK2" s="1" t="s">
        <v>285</v>
      </c>
      <c r="AL2" s="1" t="s">
        <v>286</v>
      </c>
      <c r="AM2" s="1" t="s">
        <v>287</v>
      </c>
      <c r="AN2" s="1" t="s">
        <v>288</v>
      </c>
      <c r="AO2" s="1" t="s">
        <v>289</v>
      </c>
      <c r="AP2" t="s">
        <v>362</v>
      </c>
      <c r="AQ2" s="1" t="s">
        <v>290</v>
      </c>
      <c r="AR2" s="1" t="s">
        <v>291</v>
      </c>
      <c r="AS2" s="1" t="s">
        <v>292</v>
      </c>
      <c r="AT2" s="1" t="s">
        <v>350</v>
      </c>
      <c r="AU2" s="1" t="s">
        <v>293</v>
      </c>
      <c r="AV2" s="1" t="s">
        <v>294</v>
      </c>
      <c r="AW2" s="1" t="s">
        <v>295</v>
      </c>
      <c r="AX2" s="1" t="s">
        <v>296</v>
      </c>
      <c r="AY2" s="1" t="s">
        <v>297</v>
      </c>
      <c r="AZ2" s="1" t="s">
        <v>298</v>
      </c>
      <c r="BA2" s="1" t="s">
        <v>299</v>
      </c>
      <c r="BB2" s="1" t="s">
        <v>300</v>
      </c>
      <c r="BC2" s="1" t="s">
        <v>301</v>
      </c>
      <c r="BD2" s="1" t="s">
        <v>302</v>
      </c>
      <c r="BE2" s="1" t="s">
        <v>369</v>
      </c>
      <c r="BF2" s="1" t="s">
        <v>303</v>
      </c>
      <c r="BG2" s="1" t="s">
        <v>351</v>
      </c>
      <c r="BH2" s="1" t="s">
        <v>352</v>
      </c>
      <c r="BI2" s="1" t="s">
        <v>304</v>
      </c>
      <c r="BJ2" s="1" t="s">
        <v>305</v>
      </c>
      <c r="BK2" s="1" t="s">
        <v>306</v>
      </c>
      <c r="BL2" s="1" t="s">
        <v>307</v>
      </c>
      <c r="BM2" s="1" t="s">
        <v>308</v>
      </c>
      <c r="BN2" s="1" t="s">
        <v>309</v>
      </c>
      <c r="BO2" s="1" t="s">
        <v>310</v>
      </c>
      <c r="BP2" s="1" t="s">
        <v>311</v>
      </c>
      <c r="BQ2" s="1" t="s">
        <v>312</v>
      </c>
      <c r="BR2" s="1" t="s">
        <v>313</v>
      </c>
      <c r="BS2" s="1" t="s">
        <v>314</v>
      </c>
      <c r="BT2" s="1" t="s">
        <v>315</v>
      </c>
      <c r="BU2" s="1" t="s">
        <v>316</v>
      </c>
      <c r="BV2" s="1" t="s">
        <v>317</v>
      </c>
      <c r="BW2" s="1" t="s">
        <v>318</v>
      </c>
      <c r="BX2" s="1" t="s">
        <v>319</v>
      </c>
      <c r="BY2" s="1" t="s">
        <v>320</v>
      </c>
      <c r="BZ2" s="1" t="s">
        <v>356</v>
      </c>
    </row>
    <row r="3" spans="1:78" x14ac:dyDescent="0.15">
      <c r="A3" s="1" t="s">
        <v>326</v>
      </c>
      <c r="B3" s="1" t="s">
        <v>327</v>
      </c>
      <c r="C3" s="1"/>
      <c r="D3" s="1"/>
      <c r="E3" s="1"/>
      <c r="F3" s="1" t="s">
        <v>328</v>
      </c>
      <c r="G3" s="1" t="s">
        <v>328</v>
      </c>
      <c r="H3" s="1" t="s">
        <v>329</v>
      </c>
      <c r="I3" s="1" t="s">
        <v>24</v>
      </c>
      <c r="J3" s="1" t="s">
        <v>330</v>
      </c>
      <c r="K3" s="1" t="s">
        <v>330</v>
      </c>
      <c r="L3" s="1" t="s">
        <v>331</v>
      </c>
      <c r="M3" s="1" t="s">
        <v>330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4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57</v>
      </c>
      <c r="BP3" s="1" t="s">
        <v>25</v>
      </c>
      <c r="BQ3" s="1" t="s">
        <v>358</v>
      </c>
      <c r="BR3" s="1" t="s">
        <v>25</v>
      </c>
      <c r="BS3" s="1" t="s">
        <v>25</v>
      </c>
      <c r="BT3" s="1" t="s">
        <v>36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416666666666669</v>
      </c>
      <c r="C4" s="1" t="s">
        <v>332</v>
      </c>
      <c r="D4" s="1" t="s">
        <v>27</v>
      </c>
      <c r="E4" s="1" t="s">
        <v>28</v>
      </c>
      <c r="F4" s="1" t="s">
        <v>29</v>
      </c>
      <c r="G4" s="1" t="s">
        <v>30</v>
      </c>
      <c r="J4" s="1" t="s">
        <v>31</v>
      </c>
      <c r="K4" s="1" t="s">
        <v>32</v>
      </c>
      <c r="M4" s="1" t="s">
        <v>33</v>
      </c>
      <c r="N4" s="1" t="s">
        <v>34</v>
      </c>
      <c r="O4" s="1" t="s">
        <v>35</v>
      </c>
      <c r="P4" s="1" t="s">
        <v>36</v>
      </c>
      <c r="Q4" s="1" t="s">
        <v>37</v>
      </c>
      <c r="R4" s="1" t="s">
        <v>38</v>
      </c>
      <c r="S4" s="1" t="s">
        <v>39</v>
      </c>
      <c r="T4" s="1" t="s">
        <v>40</v>
      </c>
      <c r="U4" s="1">
        <v>10.3</v>
      </c>
      <c r="V4" s="3">
        <v>330</v>
      </c>
      <c r="W4" s="1" t="s">
        <v>342</v>
      </c>
      <c r="X4" s="1">
        <v>1.1000000000000001</v>
      </c>
      <c r="Y4" s="1">
        <v>0.1</v>
      </c>
      <c r="Z4" s="1">
        <v>8.6E-3</v>
      </c>
      <c r="AA4" s="1" t="s">
        <v>376</v>
      </c>
      <c r="AB4" s="1" t="s">
        <v>377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95</v>
      </c>
      <c r="BD4" s="1">
        <v>1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08</v>
      </c>
      <c r="BO4" s="1">
        <v>16</v>
      </c>
      <c r="BP4" s="1">
        <v>6.3</v>
      </c>
      <c r="BQ4" s="1"/>
      <c r="BR4" s="1"/>
      <c r="BS4" s="1"/>
      <c r="BT4" s="1" t="s">
        <v>342</v>
      </c>
      <c r="BU4" s="1"/>
      <c r="BV4" s="1"/>
      <c r="BW4" s="1"/>
      <c r="BX4" s="1"/>
      <c r="BY4" s="1"/>
      <c r="BZ4" s="1"/>
    </row>
    <row r="5" spans="1:78" x14ac:dyDescent="0.15">
      <c r="B5" s="2">
        <v>0.35416666666666669</v>
      </c>
      <c r="C5" s="1" t="s">
        <v>333</v>
      </c>
      <c r="D5" s="1" t="s">
        <v>27</v>
      </c>
      <c r="E5" s="1" t="s">
        <v>28</v>
      </c>
      <c r="G5" s="1" t="s">
        <v>41</v>
      </c>
      <c r="J5" s="1" t="s">
        <v>42</v>
      </c>
      <c r="N5" s="1" t="s">
        <v>34</v>
      </c>
      <c r="P5" s="1" t="s">
        <v>36</v>
      </c>
      <c r="Q5" s="1" t="s">
        <v>43</v>
      </c>
      <c r="R5" s="1" t="s">
        <v>44</v>
      </c>
      <c r="S5" s="1" t="s">
        <v>45</v>
      </c>
      <c r="T5" s="1" t="s">
        <v>40</v>
      </c>
      <c r="U5" s="1">
        <v>10.6</v>
      </c>
      <c r="V5" s="1"/>
      <c r="W5" s="1"/>
      <c r="X5" s="1">
        <v>1.1000000000000001</v>
      </c>
      <c r="Y5" s="1">
        <v>0.1</v>
      </c>
      <c r="Z5" s="1">
        <v>9.1999999999999998E-3</v>
      </c>
      <c r="AA5" s="1" t="s">
        <v>376</v>
      </c>
      <c r="AB5" s="1" t="s">
        <v>37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2</v>
      </c>
      <c r="BC5" s="1">
        <v>0.95</v>
      </c>
      <c r="BD5" s="1">
        <v>1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8.2000000000000003E-2</v>
      </c>
      <c r="BO5" s="1">
        <v>16</v>
      </c>
      <c r="BP5" s="1">
        <v>6.5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5416666666666669</v>
      </c>
      <c r="C6" s="1" t="s">
        <v>375</v>
      </c>
      <c r="D6" s="1" t="s">
        <v>27</v>
      </c>
      <c r="E6" s="1" t="s">
        <v>28</v>
      </c>
      <c r="J6" s="1" t="s">
        <v>46</v>
      </c>
      <c r="N6" s="1" t="s">
        <v>34</v>
      </c>
      <c r="U6" s="1"/>
      <c r="V6" s="1"/>
      <c r="W6" s="1"/>
      <c r="X6" s="1"/>
      <c r="Y6" s="1"/>
      <c r="Z6" s="1"/>
      <c r="AA6" s="1" t="s">
        <v>376</v>
      </c>
      <c r="AB6" s="1" t="s">
        <v>376</v>
      </c>
      <c r="AC6" s="1"/>
      <c r="AD6" s="1"/>
      <c r="AE6" s="1"/>
      <c r="AF6" s="1"/>
      <c r="AG6" s="1"/>
      <c r="AH6" s="1" t="s">
        <v>343</v>
      </c>
      <c r="AI6" s="1"/>
      <c r="AJ6" s="1"/>
      <c r="AK6" s="1"/>
      <c r="AL6" s="1" t="s">
        <v>344</v>
      </c>
      <c r="AM6" s="1"/>
      <c r="AN6" s="1"/>
      <c r="AO6" s="1"/>
      <c r="AP6" t="s">
        <v>344</v>
      </c>
      <c r="AQ6" s="1"/>
      <c r="AR6" s="1" t="s">
        <v>344</v>
      </c>
      <c r="AS6" s="1" t="s">
        <v>34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7</v>
      </c>
      <c r="B7" s="2">
        <v>0.34027777777777773</v>
      </c>
      <c r="C7" s="1" t="s">
        <v>332</v>
      </c>
      <c r="D7" s="1" t="s">
        <v>27</v>
      </c>
      <c r="E7" s="1" t="s">
        <v>334</v>
      </c>
      <c r="F7" s="1" t="s">
        <v>48</v>
      </c>
      <c r="G7" s="1" t="s">
        <v>49</v>
      </c>
      <c r="J7" s="1" t="s">
        <v>31</v>
      </c>
      <c r="K7" s="1" t="s">
        <v>42</v>
      </c>
      <c r="M7" s="1" t="s">
        <v>50</v>
      </c>
      <c r="N7" s="1" t="s">
        <v>34</v>
      </c>
      <c r="O7" s="1" t="s">
        <v>35</v>
      </c>
      <c r="P7" s="1" t="s">
        <v>36</v>
      </c>
      <c r="Q7" s="1" t="s">
        <v>51</v>
      </c>
      <c r="R7" s="1" t="s">
        <v>52</v>
      </c>
      <c r="S7" s="1" t="s">
        <v>53</v>
      </c>
      <c r="T7" s="1" t="s">
        <v>54</v>
      </c>
      <c r="U7" s="1">
        <v>9.6999999999999993</v>
      </c>
      <c r="V7" s="3">
        <v>23</v>
      </c>
      <c r="W7" s="1" t="s">
        <v>342</v>
      </c>
      <c r="X7" s="1">
        <v>1.3</v>
      </c>
      <c r="Y7" s="1">
        <v>0.12</v>
      </c>
      <c r="Z7" s="1">
        <v>3.0999999999999999E-3</v>
      </c>
      <c r="AA7" s="1" t="s">
        <v>378</v>
      </c>
      <c r="AB7" s="1" t="s">
        <v>379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95</v>
      </c>
      <c r="BD7" s="1">
        <v>1</v>
      </c>
      <c r="BE7" s="1"/>
      <c r="BF7" s="1"/>
      <c r="BG7" s="1"/>
      <c r="BH7" s="1"/>
      <c r="BI7" s="1"/>
      <c r="BJ7" s="1"/>
      <c r="BK7" s="1"/>
      <c r="BL7" s="1"/>
      <c r="BM7" s="1" t="s">
        <v>359</v>
      </c>
      <c r="BN7" s="1">
        <v>7.6999999999999999E-2</v>
      </c>
      <c r="BO7" s="1">
        <v>16</v>
      </c>
      <c r="BP7" s="1">
        <v>7.1</v>
      </c>
      <c r="BQ7" s="1"/>
      <c r="BR7" s="1"/>
      <c r="BS7" s="1"/>
      <c r="BT7" s="1">
        <v>10</v>
      </c>
      <c r="BU7" s="1"/>
      <c r="BV7" s="1"/>
      <c r="BW7" s="1"/>
      <c r="BX7" s="1"/>
      <c r="BY7" s="1"/>
      <c r="BZ7" s="1"/>
    </row>
    <row r="8" spans="1:78" x14ac:dyDescent="0.15">
      <c r="B8" s="2">
        <v>0.34027777777777773</v>
      </c>
      <c r="C8" s="1" t="s">
        <v>333</v>
      </c>
      <c r="D8" s="1" t="s">
        <v>27</v>
      </c>
      <c r="E8" s="1" t="s">
        <v>334</v>
      </c>
      <c r="G8" s="1" t="s">
        <v>55</v>
      </c>
      <c r="J8" s="1" t="s">
        <v>56</v>
      </c>
      <c r="N8" s="1" t="s">
        <v>34</v>
      </c>
      <c r="P8" s="1" t="s">
        <v>36</v>
      </c>
      <c r="Q8" s="1" t="s">
        <v>51</v>
      </c>
      <c r="R8" s="1" t="s">
        <v>52</v>
      </c>
      <c r="S8" s="1" t="s">
        <v>52</v>
      </c>
      <c r="T8" s="1" t="s">
        <v>54</v>
      </c>
      <c r="U8" s="1">
        <v>9.5</v>
      </c>
      <c r="V8" s="1"/>
      <c r="W8" s="1"/>
      <c r="X8" s="1">
        <v>1.1000000000000001</v>
      </c>
      <c r="Y8" s="1">
        <v>9.5000000000000001E-2</v>
      </c>
      <c r="Z8" s="1">
        <v>1.1000000000000001E-3</v>
      </c>
      <c r="AA8" s="1" t="s">
        <v>378</v>
      </c>
      <c r="AB8" s="1" t="s">
        <v>37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95</v>
      </c>
      <c r="BD8" s="1">
        <v>1</v>
      </c>
      <c r="BE8" s="1"/>
      <c r="BF8" s="1"/>
      <c r="BG8" s="1"/>
      <c r="BH8" s="1"/>
      <c r="BI8" s="1"/>
      <c r="BJ8" s="1"/>
      <c r="BK8" s="1"/>
      <c r="BL8" s="1"/>
      <c r="BM8" s="1" t="s">
        <v>359</v>
      </c>
      <c r="BN8" s="1">
        <v>7.0000000000000007E-2</v>
      </c>
      <c r="BO8" s="1">
        <v>16</v>
      </c>
      <c r="BP8" s="1">
        <v>5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34027777777777773</v>
      </c>
      <c r="C9" s="1" t="s">
        <v>375</v>
      </c>
      <c r="D9" s="1" t="s">
        <v>27</v>
      </c>
      <c r="E9" s="1" t="s">
        <v>334</v>
      </c>
      <c r="J9" s="1" t="s">
        <v>57</v>
      </c>
      <c r="N9" s="1" t="s">
        <v>34</v>
      </c>
      <c r="U9" s="1"/>
      <c r="V9" s="1"/>
      <c r="W9" s="1"/>
      <c r="X9" s="1"/>
      <c r="Y9" s="1"/>
      <c r="Z9" s="1"/>
      <c r="AA9" s="1" t="s">
        <v>376</v>
      </c>
      <c r="AB9" s="1" t="s">
        <v>376</v>
      </c>
      <c r="AC9" s="1"/>
      <c r="AD9" s="1"/>
      <c r="AE9" s="1"/>
      <c r="AF9" s="1"/>
      <c r="AG9" s="1"/>
      <c r="AH9" s="1" t="s">
        <v>343</v>
      </c>
      <c r="AI9" s="1"/>
      <c r="AJ9" s="1"/>
      <c r="AK9" s="1"/>
      <c r="AL9" s="1" t="s">
        <v>344</v>
      </c>
      <c r="AM9" s="1"/>
      <c r="AN9" s="1"/>
      <c r="AO9" s="1"/>
      <c r="AP9" t="s">
        <v>344</v>
      </c>
      <c r="AQ9" s="1"/>
      <c r="AR9" s="1" t="s">
        <v>344</v>
      </c>
      <c r="AS9" s="1" t="s">
        <v>34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4236111111111112</v>
      </c>
      <c r="C10" s="1" t="s">
        <v>332</v>
      </c>
      <c r="D10" s="1" t="s">
        <v>59</v>
      </c>
      <c r="E10" s="1" t="s">
        <v>28</v>
      </c>
      <c r="F10" s="1" t="s">
        <v>60</v>
      </c>
      <c r="G10" s="1" t="s">
        <v>61</v>
      </c>
      <c r="J10" s="1" t="s">
        <v>31</v>
      </c>
      <c r="K10" s="1" t="s">
        <v>62</v>
      </c>
      <c r="M10" s="1" t="s">
        <v>38</v>
      </c>
      <c r="N10" s="1" t="s">
        <v>63</v>
      </c>
      <c r="O10" s="1" t="s">
        <v>64</v>
      </c>
      <c r="P10" s="1" t="s">
        <v>36</v>
      </c>
      <c r="Q10" s="1" t="s">
        <v>65</v>
      </c>
      <c r="R10" s="1" t="s">
        <v>66</v>
      </c>
      <c r="S10" s="1" t="s">
        <v>67</v>
      </c>
      <c r="T10" s="1" t="s">
        <v>68</v>
      </c>
      <c r="U10" s="1">
        <v>10.4</v>
      </c>
      <c r="V10" s="3">
        <v>79</v>
      </c>
      <c r="W10" s="1" t="s">
        <v>342</v>
      </c>
      <c r="X10" s="1">
        <v>1.5</v>
      </c>
      <c r="Y10" s="1">
        <v>0.17</v>
      </c>
      <c r="Z10" s="1">
        <v>5.4999999999999997E-3</v>
      </c>
      <c r="AA10" s="1" t="s">
        <v>376</v>
      </c>
      <c r="AB10" s="1" t="s">
        <v>380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23</v>
      </c>
      <c r="BD10" s="1">
        <v>0.28000000000000003</v>
      </c>
      <c r="BE10" s="1"/>
      <c r="BF10" s="1"/>
      <c r="BG10" s="1"/>
      <c r="BH10" s="1"/>
      <c r="BI10" s="1"/>
      <c r="BJ10" s="1"/>
      <c r="BK10" s="1"/>
      <c r="BL10" s="1"/>
      <c r="BM10" s="1">
        <v>7.0000000000000007E-2</v>
      </c>
      <c r="BN10" s="1">
        <v>0.01</v>
      </c>
      <c r="BO10" s="1">
        <v>15</v>
      </c>
      <c r="BP10" s="1">
        <v>5.6</v>
      </c>
      <c r="BQ10" s="1"/>
      <c r="BR10" s="1"/>
      <c r="BS10" s="1"/>
      <c r="BT10" s="1">
        <v>130</v>
      </c>
      <c r="BU10" s="1"/>
      <c r="BV10" s="1"/>
      <c r="BW10" s="1"/>
      <c r="BX10" s="1"/>
      <c r="BY10" s="1"/>
      <c r="BZ10" s="1"/>
    </row>
    <row r="11" spans="1:78" x14ac:dyDescent="0.15">
      <c r="B11" s="2">
        <v>0.34236111111111112</v>
      </c>
      <c r="C11" s="1" t="s">
        <v>333</v>
      </c>
      <c r="D11" s="1" t="s">
        <v>59</v>
      </c>
      <c r="E11" s="1" t="s">
        <v>28</v>
      </c>
      <c r="G11" s="1" t="s">
        <v>69</v>
      </c>
      <c r="J11" s="1" t="s">
        <v>70</v>
      </c>
      <c r="N11" s="1" t="s">
        <v>63</v>
      </c>
      <c r="P11" s="1" t="s">
        <v>36</v>
      </c>
      <c r="Q11" s="1" t="s">
        <v>51</v>
      </c>
      <c r="R11" s="1" t="s">
        <v>31</v>
      </c>
      <c r="S11" s="1" t="s">
        <v>71</v>
      </c>
      <c r="T11" s="1" t="s">
        <v>68</v>
      </c>
      <c r="U11" s="1">
        <v>8.8000000000000007</v>
      </c>
      <c r="V11" s="1"/>
      <c r="W11" s="1"/>
      <c r="X11" s="1">
        <v>1.3</v>
      </c>
      <c r="Y11" s="1">
        <v>9.9000000000000005E-2</v>
      </c>
      <c r="Z11" s="1">
        <v>4.8999999999999998E-3</v>
      </c>
      <c r="AA11" s="1" t="s">
        <v>376</v>
      </c>
      <c r="AB11" s="1" t="s">
        <v>37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9</v>
      </c>
      <c r="BD11" s="1">
        <v>0.95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>
        <v>6.5000000000000002E-2</v>
      </c>
      <c r="BO11" s="1">
        <v>16</v>
      </c>
      <c r="BP11" s="1">
        <v>6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4236111111111112</v>
      </c>
      <c r="C12" s="1" t="s">
        <v>375</v>
      </c>
      <c r="D12" s="1" t="s">
        <v>59</v>
      </c>
      <c r="E12" s="1" t="s">
        <v>28</v>
      </c>
      <c r="J12" s="1" t="s">
        <v>72</v>
      </c>
      <c r="N12" s="1" t="s">
        <v>63</v>
      </c>
      <c r="U12" s="1"/>
      <c r="V12" s="1"/>
      <c r="W12" s="1"/>
      <c r="X12" s="1"/>
      <c r="Y12" s="1"/>
      <c r="Z12" s="1"/>
      <c r="AA12" s="1" t="s">
        <v>376</v>
      </c>
      <c r="AB12" s="1" t="s">
        <v>376</v>
      </c>
      <c r="AC12" s="1"/>
      <c r="AD12" s="1"/>
      <c r="AE12" s="1"/>
      <c r="AF12" s="1"/>
      <c r="AG12" s="1"/>
      <c r="AH12" s="1" t="s">
        <v>343</v>
      </c>
      <c r="AI12" s="1"/>
      <c r="AJ12" s="1"/>
      <c r="AK12" s="1"/>
      <c r="AL12" s="1" t="s">
        <v>344</v>
      </c>
      <c r="AM12" s="1"/>
      <c r="AN12" s="1"/>
      <c r="AO12" s="1"/>
      <c r="AP12" t="s">
        <v>344</v>
      </c>
      <c r="AQ12" s="1"/>
      <c r="AR12" s="1" t="s">
        <v>344</v>
      </c>
      <c r="AS12" s="1" t="s">
        <v>34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34722222222222227</v>
      </c>
      <c r="C13" s="1" t="s">
        <v>332</v>
      </c>
      <c r="D13" s="1" t="s">
        <v>74</v>
      </c>
      <c r="E13" s="1" t="s">
        <v>28</v>
      </c>
      <c r="F13" s="1" t="s">
        <v>75</v>
      </c>
      <c r="G13" s="1" t="s">
        <v>76</v>
      </c>
      <c r="J13" s="1" t="s">
        <v>31</v>
      </c>
      <c r="K13" s="1" t="s">
        <v>65</v>
      </c>
      <c r="M13" s="1" t="s">
        <v>77</v>
      </c>
      <c r="N13" s="1" t="s">
        <v>34</v>
      </c>
      <c r="O13" s="1" t="s">
        <v>35</v>
      </c>
      <c r="P13" s="1" t="s">
        <v>36</v>
      </c>
      <c r="Q13" s="1" t="s">
        <v>78</v>
      </c>
      <c r="R13" s="1" t="s">
        <v>79</v>
      </c>
      <c r="S13" s="1" t="s">
        <v>80</v>
      </c>
      <c r="T13" s="1" t="s">
        <v>68</v>
      </c>
      <c r="U13" s="1">
        <v>13.2</v>
      </c>
      <c r="V13" s="3">
        <v>23</v>
      </c>
      <c r="W13" s="1" t="s">
        <v>342</v>
      </c>
      <c r="X13" s="1">
        <v>1.4</v>
      </c>
      <c r="Y13" s="1">
        <v>9.4E-2</v>
      </c>
      <c r="Z13" s="1">
        <v>1.4999999999999999E-2</v>
      </c>
      <c r="AA13" s="1" t="s">
        <v>376</v>
      </c>
      <c r="AB13" s="1" t="s">
        <v>38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4</v>
      </c>
      <c r="BD13" s="1">
        <v>0.45</v>
      </c>
      <c r="BE13" s="1"/>
      <c r="BF13" s="1"/>
      <c r="BG13" s="1"/>
      <c r="BH13" s="1"/>
      <c r="BI13" s="1"/>
      <c r="BJ13" s="1"/>
      <c r="BK13" s="1"/>
      <c r="BL13" s="1"/>
      <c r="BM13" s="1">
        <v>0.08</v>
      </c>
      <c r="BN13" s="1">
        <v>5.0000000000000001E-3</v>
      </c>
      <c r="BO13" s="1">
        <v>16</v>
      </c>
      <c r="BP13" s="1">
        <v>6.2</v>
      </c>
      <c r="BQ13" s="1"/>
      <c r="BR13" s="1"/>
      <c r="BS13" s="1"/>
      <c r="BT13" s="1">
        <v>17</v>
      </c>
      <c r="BU13" s="1"/>
      <c r="BV13" s="1"/>
      <c r="BW13" s="1"/>
      <c r="BX13" s="1"/>
      <c r="BY13" s="1"/>
      <c r="BZ13" s="1"/>
    </row>
    <row r="14" spans="1:78" x14ac:dyDescent="0.15">
      <c r="B14" s="2">
        <v>0.34722222222222227</v>
      </c>
      <c r="C14" s="1" t="s">
        <v>333</v>
      </c>
      <c r="D14" s="1" t="s">
        <v>74</v>
      </c>
      <c r="E14" s="1" t="s">
        <v>28</v>
      </c>
      <c r="G14" s="1" t="s">
        <v>81</v>
      </c>
      <c r="J14" s="1" t="s">
        <v>82</v>
      </c>
      <c r="N14" s="1" t="s">
        <v>34</v>
      </c>
      <c r="P14" s="1" t="s">
        <v>36</v>
      </c>
      <c r="Q14" s="1" t="s">
        <v>83</v>
      </c>
      <c r="R14" s="1" t="s">
        <v>84</v>
      </c>
      <c r="S14" s="1" t="s">
        <v>85</v>
      </c>
      <c r="T14" s="1" t="s">
        <v>68</v>
      </c>
      <c r="U14" s="1">
        <v>9.1</v>
      </c>
      <c r="V14" s="1"/>
      <c r="W14" s="1"/>
      <c r="X14" s="1">
        <v>1.2</v>
      </c>
      <c r="Y14" s="1">
        <v>0.12</v>
      </c>
      <c r="Z14" s="1">
        <v>1.2999999999999999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99</v>
      </c>
      <c r="BD14" s="1">
        <v>1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7.5999999999999998E-2</v>
      </c>
      <c r="BO14" s="1">
        <v>17</v>
      </c>
      <c r="BP14" s="1">
        <v>6.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4722222222222227</v>
      </c>
      <c r="C15" s="1" t="s">
        <v>375</v>
      </c>
      <c r="D15" s="1" t="s">
        <v>74</v>
      </c>
      <c r="E15" s="1" t="s">
        <v>28</v>
      </c>
      <c r="J15" s="1" t="s">
        <v>86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43</v>
      </c>
      <c r="AI15" s="1"/>
      <c r="AJ15" s="1"/>
      <c r="AK15" s="1"/>
      <c r="AL15" s="1" t="s">
        <v>344</v>
      </c>
      <c r="AM15" s="1"/>
      <c r="AN15" s="1"/>
      <c r="AO15" s="1"/>
      <c r="AP15" t="s">
        <v>344</v>
      </c>
      <c r="AQ15" s="1"/>
      <c r="AR15" s="1" t="s">
        <v>344</v>
      </c>
      <c r="AS15" s="1" t="s">
        <v>344</v>
      </c>
      <c r="AT15" s="1"/>
      <c r="AU15" s="1" t="s">
        <v>343</v>
      </c>
      <c r="AV15" s="1" t="s">
        <v>345</v>
      </c>
      <c r="AW15" s="1" t="s">
        <v>34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343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7</v>
      </c>
      <c r="B16" s="2">
        <v>0.36458333333333331</v>
      </c>
      <c r="C16" s="1" t="s">
        <v>332</v>
      </c>
      <c r="D16" s="1" t="s">
        <v>27</v>
      </c>
      <c r="E16" s="1" t="s">
        <v>28</v>
      </c>
      <c r="F16" s="1" t="s">
        <v>88</v>
      </c>
      <c r="G16" s="1" t="s">
        <v>89</v>
      </c>
      <c r="J16" s="1" t="s">
        <v>31</v>
      </c>
      <c r="K16" s="1" t="s">
        <v>37</v>
      </c>
      <c r="M16" s="1" t="s">
        <v>90</v>
      </c>
      <c r="N16" s="1" t="s">
        <v>34</v>
      </c>
      <c r="O16" s="1" t="s">
        <v>35</v>
      </c>
      <c r="P16" s="1" t="s">
        <v>36</v>
      </c>
      <c r="Q16" s="1" t="s">
        <v>91</v>
      </c>
      <c r="R16" s="1" t="s">
        <v>92</v>
      </c>
      <c r="S16" s="1" t="s">
        <v>93</v>
      </c>
      <c r="T16" s="1" t="s">
        <v>54</v>
      </c>
      <c r="U16" s="1">
        <v>12.6</v>
      </c>
      <c r="V16" s="3">
        <v>33</v>
      </c>
      <c r="W16" s="1" t="s">
        <v>342</v>
      </c>
      <c r="X16" s="1">
        <v>0.83</v>
      </c>
      <c r="Y16" s="1">
        <v>5.0999999999999997E-2</v>
      </c>
      <c r="Z16" s="1">
        <v>2.0999999999999999E-3</v>
      </c>
      <c r="AA16" s="1" t="s">
        <v>378</v>
      </c>
      <c r="AB16" s="1" t="s">
        <v>380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49</v>
      </c>
      <c r="BD16" s="1">
        <v>0.54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1.4E-2</v>
      </c>
      <c r="BO16" s="1">
        <v>13</v>
      </c>
      <c r="BP16" s="1">
        <v>4.4000000000000004</v>
      </c>
      <c r="BQ16" s="1"/>
      <c r="BR16" s="1" t="s">
        <v>360</v>
      </c>
      <c r="BS16" s="1" t="s">
        <v>348</v>
      </c>
      <c r="BT16" s="1">
        <v>10</v>
      </c>
      <c r="BU16" s="1"/>
      <c r="BV16" s="1"/>
      <c r="BW16" s="1"/>
      <c r="BX16" s="1"/>
      <c r="BY16" s="1"/>
      <c r="BZ16" s="1"/>
    </row>
    <row r="17" spans="1:78" x14ac:dyDescent="0.15">
      <c r="B17" s="2">
        <v>0.36458333333333331</v>
      </c>
      <c r="C17" s="1" t="s">
        <v>333</v>
      </c>
      <c r="D17" s="1" t="s">
        <v>27</v>
      </c>
      <c r="E17" s="1" t="s">
        <v>28</v>
      </c>
      <c r="G17" s="1" t="s">
        <v>94</v>
      </c>
      <c r="J17" s="1" t="s">
        <v>62</v>
      </c>
      <c r="N17" s="1" t="s">
        <v>34</v>
      </c>
      <c r="P17" s="1" t="s">
        <v>36</v>
      </c>
      <c r="Q17" s="1" t="s">
        <v>43</v>
      </c>
      <c r="R17" s="1" t="s">
        <v>95</v>
      </c>
      <c r="S17" s="1" t="s">
        <v>96</v>
      </c>
      <c r="T17" s="1" t="s">
        <v>97</v>
      </c>
      <c r="U17" s="1">
        <v>8.8000000000000007</v>
      </c>
      <c r="V17" s="1"/>
      <c r="W17" s="1"/>
      <c r="X17" s="1">
        <v>1</v>
      </c>
      <c r="Y17" s="1">
        <v>7.9000000000000001E-2</v>
      </c>
      <c r="Z17" s="1">
        <v>1.9E-3</v>
      </c>
      <c r="AA17" s="1" t="s">
        <v>378</v>
      </c>
      <c r="AB17" s="1" t="s">
        <v>376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95</v>
      </c>
      <c r="BD17" s="1">
        <v>1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4.7E-2</v>
      </c>
      <c r="BO17" s="1">
        <v>15</v>
      </c>
      <c r="BP17" s="1">
        <v>4.8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6458333333333331</v>
      </c>
      <c r="C18" s="1" t="s">
        <v>375</v>
      </c>
      <c r="D18" s="1" t="s">
        <v>27</v>
      </c>
      <c r="E18" s="1" t="s">
        <v>28</v>
      </c>
      <c r="J18" s="1" t="s">
        <v>98</v>
      </c>
      <c r="N18" s="1" t="s">
        <v>34</v>
      </c>
      <c r="U18" s="1"/>
      <c r="V18" s="1"/>
      <c r="W18" s="1"/>
      <c r="X18" s="1"/>
      <c r="Y18" s="1"/>
      <c r="Z18" s="1"/>
      <c r="AA18" s="1" t="s">
        <v>376</v>
      </c>
      <c r="AB18" s="1" t="s">
        <v>376</v>
      </c>
      <c r="AC18" s="1" t="s">
        <v>345</v>
      </c>
      <c r="AD18" s="1" t="s">
        <v>346</v>
      </c>
      <c r="AE18" s="1" t="s">
        <v>343</v>
      </c>
      <c r="AF18" s="1" t="s">
        <v>347</v>
      </c>
      <c r="AG18" s="1" t="s">
        <v>348</v>
      </c>
      <c r="AH18" s="1" t="s">
        <v>343</v>
      </c>
      <c r="AI18" s="1"/>
      <c r="AJ18" s="1" t="s">
        <v>343</v>
      </c>
      <c r="AK18" s="1" t="s">
        <v>344</v>
      </c>
      <c r="AL18" s="1" t="s">
        <v>344</v>
      </c>
      <c r="AM18" s="1" t="s">
        <v>344</v>
      </c>
      <c r="AN18" s="1" t="s">
        <v>344</v>
      </c>
      <c r="AO18" s="1" t="s">
        <v>344</v>
      </c>
      <c r="AP18" t="s">
        <v>344</v>
      </c>
      <c r="AQ18" s="1" t="s">
        <v>344</v>
      </c>
      <c r="AR18" s="1" t="s">
        <v>344</v>
      </c>
      <c r="AS18" s="1" t="s">
        <v>344</v>
      </c>
      <c r="AT18" s="1" t="s">
        <v>353</v>
      </c>
      <c r="AU18" s="1"/>
      <c r="AV18" s="1"/>
      <c r="AW18" s="1"/>
      <c r="AX18" s="1" t="s">
        <v>344</v>
      </c>
      <c r="AY18" s="1" t="s">
        <v>354</v>
      </c>
      <c r="AZ18" s="1" t="s">
        <v>355</v>
      </c>
      <c r="BA18" s="1" t="s">
        <v>347</v>
      </c>
      <c r="BB18" s="1"/>
      <c r="BC18" s="1"/>
      <c r="BD18" s="1"/>
      <c r="BE18" s="1" t="s">
        <v>348</v>
      </c>
      <c r="BF18" s="1" t="s">
        <v>348</v>
      </c>
      <c r="BG18" s="1">
        <v>1.8E-3</v>
      </c>
      <c r="BH18" s="1" t="s">
        <v>347</v>
      </c>
      <c r="BI18" s="1" t="s">
        <v>346</v>
      </c>
      <c r="BJ18" s="1" t="s">
        <v>347</v>
      </c>
      <c r="BK18" s="1"/>
      <c r="BL18" s="1" t="s">
        <v>361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9</v>
      </c>
      <c r="B19" s="2">
        <v>0.35138888888888892</v>
      </c>
      <c r="C19" s="1" t="s">
        <v>332</v>
      </c>
      <c r="D19" s="1" t="s">
        <v>59</v>
      </c>
      <c r="E19" s="1" t="s">
        <v>334</v>
      </c>
      <c r="F19" s="1" t="s">
        <v>100</v>
      </c>
      <c r="G19" s="1" t="s">
        <v>101</v>
      </c>
      <c r="J19" s="1" t="s">
        <v>31</v>
      </c>
      <c r="K19" s="1" t="s">
        <v>102</v>
      </c>
      <c r="M19" s="1" t="s">
        <v>53</v>
      </c>
      <c r="N19" s="1" t="s">
        <v>34</v>
      </c>
      <c r="O19" s="1" t="s">
        <v>35</v>
      </c>
      <c r="P19" s="1" t="s">
        <v>36</v>
      </c>
      <c r="Q19" s="1" t="s">
        <v>37</v>
      </c>
      <c r="R19" s="1" t="s">
        <v>31</v>
      </c>
      <c r="S19" s="1" t="s">
        <v>52</v>
      </c>
      <c r="T19" s="1" t="s">
        <v>68</v>
      </c>
      <c r="U19" s="1">
        <v>9.3000000000000007</v>
      </c>
      <c r="V19" s="3">
        <v>230</v>
      </c>
      <c r="W19" s="1" t="s">
        <v>342</v>
      </c>
      <c r="X19" s="1">
        <v>0.94</v>
      </c>
      <c r="Y19" s="1">
        <v>6.9000000000000006E-2</v>
      </c>
      <c r="Z19" s="1">
        <v>1.2E-2</v>
      </c>
      <c r="AA19" s="1" t="s">
        <v>376</v>
      </c>
      <c r="AB19" s="1" t="s">
        <v>38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46</v>
      </c>
      <c r="BC19" s="1">
        <v>0.88</v>
      </c>
      <c r="BD19" s="1">
        <v>0.93</v>
      </c>
      <c r="BE19" s="1"/>
      <c r="BF19" s="1"/>
      <c r="BG19" s="1"/>
      <c r="BH19" s="1"/>
      <c r="BI19" s="1"/>
      <c r="BJ19" s="1"/>
      <c r="BK19" s="1"/>
      <c r="BL19" s="1"/>
      <c r="BM19" s="1" t="s">
        <v>359</v>
      </c>
      <c r="BN19" s="1">
        <v>5.7000000000000002E-2</v>
      </c>
      <c r="BO19" s="1">
        <v>16</v>
      </c>
      <c r="BP19" s="1">
        <v>4.5</v>
      </c>
      <c r="BQ19" s="1"/>
      <c r="BR19" s="1"/>
      <c r="BS19" s="1"/>
      <c r="BT19" s="1">
        <v>0.7</v>
      </c>
      <c r="BU19" s="1"/>
      <c r="BV19" s="1"/>
      <c r="BW19" s="1"/>
      <c r="BX19" s="1"/>
      <c r="BY19" s="1"/>
      <c r="BZ19" s="1"/>
    </row>
    <row r="20" spans="1:78" x14ac:dyDescent="0.15">
      <c r="B20" s="2">
        <v>0.35138888888888892</v>
      </c>
      <c r="C20" s="1" t="s">
        <v>333</v>
      </c>
      <c r="D20" s="1" t="s">
        <v>59</v>
      </c>
      <c r="E20" s="1" t="s">
        <v>334</v>
      </c>
      <c r="G20" s="1" t="s">
        <v>103</v>
      </c>
      <c r="J20" s="1" t="s">
        <v>104</v>
      </c>
      <c r="N20" s="1" t="s">
        <v>34</v>
      </c>
      <c r="P20" s="1" t="s">
        <v>36</v>
      </c>
      <c r="Q20" s="1" t="s">
        <v>43</v>
      </c>
      <c r="R20" s="1" t="s">
        <v>105</v>
      </c>
      <c r="S20" s="1" t="s">
        <v>106</v>
      </c>
      <c r="T20" s="1" t="s">
        <v>40</v>
      </c>
      <c r="U20" s="1">
        <v>9.4</v>
      </c>
      <c r="V20" s="1"/>
      <c r="W20" s="1"/>
      <c r="X20" s="1">
        <v>0.95</v>
      </c>
      <c r="Y20" s="1">
        <v>6.6000000000000003E-2</v>
      </c>
      <c r="Z20" s="1">
        <v>3.5000000000000001E-3</v>
      </c>
      <c r="AA20" s="1" t="s">
        <v>376</v>
      </c>
      <c r="AB20" s="1" t="s">
        <v>37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46</v>
      </c>
      <c r="BC20" s="1">
        <v>0.88</v>
      </c>
      <c r="BD20" s="1">
        <v>0.93</v>
      </c>
      <c r="BE20" s="1"/>
      <c r="BF20" s="1"/>
      <c r="BG20" s="1"/>
      <c r="BH20" s="1"/>
      <c r="BI20" s="1"/>
      <c r="BJ20" s="1"/>
      <c r="BK20" s="1"/>
      <c r="BL20" s="1"/>
      <c r="BM20" s="1" t="s">
        <v>359</v>
      </c>
      <c r="BN20" s="1">
        <v>5.8000000000000003E-2</v>
      </c>
      <c r="BO20" s="1">
        <v>16</v>
      </c>
      <c r="BP20" s="1">
        <v>3.9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5138888888888892</v>
      </c>
      <c r="C21" s="1" t="s">
        <v>375</v>
      </c>
      <c r="D21" s="1" t="s">
        <v>59</v>
      </c>
      <c r="E21" s="1" t="s">
        <v>334</v>
      </c>
      <c r="J21" s="1" t="s">
        <v>98</v>
      </c>
      <c r="N21" s="1" t="s">
        <v>34</v>
      </c>
      <c r="U21" s="1"/>
      <c r="V21" s="1"/>
      <c r="W21" s="1"/>
      <c r="X21" s="1"/>
      <c r="Y21" s="1"/>
      <c r="Z21" s="1"/>
      <c r="AA21" s="1" t="s">
        <v>376</v>
      </c>
      <c r="AB21" s="1" t="s">
        <v>376</v>
      </c>
      <c r="AC21" s="1"/>
      <c r="AD21" s="1"/>
      <c r="AE21" s="1"/>
      <c r="AF21" s="1"/>
      <c r="AG21" s="1"/>
      <c r="AH21" s="1" t="s">
        <v>343</v>
      </c>
      <c r="AI21" s="1"/>
      <c r="AJ21" s="1"/>
      <c r="AK21" s="1"/>
      <c r="AL21" s="1" t="s">
        <v>344</v>
      </c>
      <c r="AM21" s="1"/>
      <c r="AN21" s="1"/>
      <c r="AO21" s="1"/>
      <c r="AP21" t="s">
        <v>344</v>
      </c>
      <c r="AQ21" s="1"/>
      <c r="AR21" s="1" t="s">
        <v>344</v>
      </c>
      <c r="AS21" s="1" t="s">
        <v>34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7</v>
      </c>
      <c r="B22" s="2">
        <v>0.34236111111111112</v>
      </c>
      <c r="C22" s="1" t="s">
        <v>332</v>
      </c>
      <c r="D22" s="1" t="s">
        <v>27</v>
      </c>
      <c r="E22" s="1" t="s">
        <v>28</v>
      </c>
      <c r="F22" s="1" t="s">
        <v>108</v>
      </c>
      <c r="G22" s="1" t="s">
        <v>109</v>
      </c>
      <c r="J22" s="1" t="s">
        <v>31</v>
      </c>
      <c r="K22" s="1" t="s">
        <v>110</v>
      </c>
      <c r="M22" s="1" t="s">
        <v>71</v>
      </c>
      <c r="N22" s="1" t="s">
        <v>34</v>
      </c>
      <c r="O22" s="1" t="s">
        <v>35</v>
      </c>
      <c r="P22" s="1" t="s">
        <v>36</v>
      </c>
      <c r="Q22" s="1" t="s">
        <v>51</v>
      </c>
      <c r="R22" s="1" t="s">
        <v>31</v>
      </c>
      <c r="S22" s="1" t="s">
        <v>111</v>
      </c>
      <c r="T22" s="1" t="s">
        <v>68</v>
      </c>
      <c r="U22" s="1">
        <v>9.6999999999999993</v>
      </c>
      <c r="V22" s="3">
        <v>790</v>
      </c>
      <c r="W22" s="1" t="s">
        <v>342</v>
      </c>
      <c r="X22" s="1">
        <v>1.1000000000000001</v>
      </c>
      <c r="Y22" s="1">
        <v>7.6999999999999999E-2</v>
      </c>
      <c r="Z22" s="1">
        <v>2.5999999999999999E-3</v>
      </c>
      <c r="AA22" s="1" t="s">
        <v>376</v>
      </c>
      <c r="AB22" s="1" t="s">
        <v>382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46</v>
      </c>
      <c r="BC22" s="1">
        <v>0.99</v>
      </c>
      <c r="BD22" s="1">
        <v>1</v>
      </c>
      <c r="BE22" s="1"/>
      <c r="BF22" s="1"/>
      <c r="BG22" s="1"/>
      <c r="BH22" s="1"/>
      <c r="BI22" s="1"/>
      <c r="BJ22" s="1"/>
      <c r="BK22" s="1"/>
      <c r="BL22" s="1"/>
      <c r="BM22" s="1" t="s">
        <v>359</v>
      </c>
      <c r="BN22" s="1">
        <v>6.9000000000000006E-2</v>
      </c>
      <c r="BO22" s="1">
        <v>15</v>
      </c>
      <c r="BP22" s="1">
        <v>5.2</v>
      </c>
      <c r="BQ22" s="1"/>
      <c r="BR22" s="1"/>
      <c r="BS22" s="1"/>
      <c r="BT22" s="1">
        <v>0.6</v>
      </c>
      <c r="BU22" s="1"/>
      <c r="BV22" s="1"/>
      <c r="BW22" s="1"/>
      <c r="BX22" s="1"/>
      <c r="BY22" s="1"/>
      <c r="BZ22" s="1"/>
    </row>
    <row r="23" spans="1:78" x14ac:dyDescent="0.15">
      <c r="B23" s="2">
        <v>0.34236111111111112</v>
      </c>
      <c r="C23" s="1" t="s">
        <v>333</v>
      </c>
      <c r="D23" s="1" t="s">
        <v>27</v>
      </c>
      <c r="E23" s="1" t="s">
        <v>28</v>
      </c>
      <c r="G23" s="1" t="s">
        <v>112</v>
      </c>
      <c r="J23" s="1" t="s">
        <v>113</v>
      </c>
      <c r="N23" s="1" t="s">
        <v>34</v>
      </c>
      <c r="P23" s="1" t="s">
        <v>36</v>
      </c>
      <c r="Q23" s="1" t="s">
        <v>51</v>
      </c>
      <c r="R23" s="1" t="s">
        <v>31</v>
      </c>
      <c r="S23" s="1" t="s">
        <v>111</v>
      </c>
      <c r="T23" s="1" t="s">
        <v>54</v>
      </c>
      <c r="U23" s="1">
        <v>9.8000000000000007</v>
      </c>
      <c r="V23" s="1"/>
      <c r="W23" s="1"/>
      <c r="X23" s="1">
        <v>1.1000000000000001</v>
      </c>
      <c r="Y23" s="1">
        <v>7.3999999999999996E-2</v>
      </c>
      <c r="Z23" s="1">
        <v>2.8999999999999998E-3</v>
      </c>
      <c r="AA23" s="1" t="s">
        <v>376</v>
      </c>
      <c r="AB23" s="1" t="s">
        <v>37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46</v>
      </c>
      <c r="BC23" s="1">
        <v>0.99</v>
      </c>
      <c r="BD23" s="1">
        <v>1</v>
      </c>
      <c r="BE23" s="1"/>
      <c r="BF23" s="1"/>
      <c r="BG23" s="1"/>
      <c r="BH23" s="1"/>
      <c r="BI23" s="1"/>
      <c r="BJ23" s="1"/>
      <c r="BK23" s="1"/>
      <c r="BL23" s="1"/>
      <c r="BM23" s="1" t="s">
        <v>359</v>
      </c>
      <c r="BN23" s="1">
        <v>6.5000000000000002E-2</v>
      </c>
      <c r="BO23" s="1">
        <v>16</v>
      </c>
      <c r="BP23" s="1">
        <v>4.8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4236111111111112</v>
      </c>
      <c r="C24" s="1" t="s">
        <v>375</v>
      </c>
      <c r="D24" s="1" t="s">
        <v>27</v>
      </c>
      <c r="E24" s="1" t="s">
        <v>28</v>
      </c>
      <c r="J24" s="1" t="s">
        <v>114</v>
      </c>
      <c r="N24" s="1" t="s">
        <v>34</v>
      </c>
      <c r="U24" s="1"/>
      <c r="V24" s="1"/>
      <c r="W24" s="1"/>
      <c r="X24" s="1"/>
      <c r="Y24" s="1"/>
      <c r="Z24" s="1"/>
      <c r="AA24" s="1" t="s">
        <v>376</v>
      </c>
      <c r="AB24" s="1" t="s">
        <v>376</v>
      </c>
      <c r="AC24" s="1"/>
      <c r="AD24" s="1"/>
      <c r="AE24" s="1"/>
      <c r="AF24" s="1"/>
      <c r="AG24" s="1"/>
      <c r="AH24" s="1" t="s">
        <v>343</v>
      </c>
      <c r="AI24" s="1"/>
      <c r="AJ24" s="1"/>
      <c r="AK24" s="1"/>
      <c r="AL24" s="1" t="s">
        <v>344</v>
      </c>
      <c r="AM24" s="1"/>
      <c r="AN24" s="1"/>
      <c r="AO24" s="1"/>
      <c r="AP24" t="s">
        <v>344</v>
      </c>
      <c r="AQ24" s="1"/>
      <c r="AR24" s="1" t="s">
        <v>344</v>
      </c>
      <c r="AS24" s="1" t="s">
        <v>34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5</v>
      </c>
      <c r="B25" s="2">
        <v>0.34791666666666665</v>
      </c>
      <c r="C25" s="1" t="s">
        <v>332</v>
      </c>
      <c r="D25" s="1" t="s">
        <v>59</v>
      </c>
      <c r="E25" s="1" t="s">
        <v>28</v>
      </c>
      <c r="F25" s="1" t="s">
        <v>116</v>
      </c>
      <c r="G25" s="1" t="s">
        <v>117</v>
      </c>
      <c r="J25" s="1" t="s">
        <v>31</v>
      </c>
      <c r="K25" s="1" t="s">
        <v>118</v>
      </c>
      <c r="M25" s="1" t="s">
        <v>86</v>
      </c>
      <c r="N25" s="1" t="s">
        <v>34</v>
      </c>
      <c r="O25" s="1" t="s">
        <v>35</v>
      </c>
      <c r="P25" s="1" t="s">
        <v>36</v>
      </c>
      <c r="Q25" s="1" t="s">
        <v>43</v>
      </c>
      <c r="R25" s="1" t="s">
        <v>119</v>
      </c>
      <c r="S25" s="1" t="s">
        <v>77</v>
      </c>
      <c r="T25" s="1" t="s">
        <v>40</v>
      </c>
      <c r="U25" s="1">
        <v>10</v>
      </c>
      <c r="V25" s="3">
        <v>3300</v>
      </c>
      <c r="W25" s="1" t="s">
        <v>342</v>
      </c>
      <c r="X25" s="1">
        <v>1.1000000000000001</v>
      </c>
      <c r="Y25" s="1">
        <v>0.1</v>
      </c>
      <c r="Z25" s="1">
        <v>1.2999999999999999E-3</v>
      </c>
      <c r="AA25" s="1" t="s">
        <v>378</v>
      </c>
      <c r="AB25" s="1" t="s">
        <v>383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1</v>
      </c>
      <c r="BD25" s="1">
        <v>1</v>
      </c>
      <c r="BE25" s="1"/>
      <c r="BF25" s="1"/>
      <c r="BG25" s="1"/>
      <c r="BH25" s="1"/>
      <c r="BI25" s="1"/>
      <c r="BJ25" s="1"/>
      <c r="BK25" s="1"/>
      <c r="BL25" s="1"/>
      <c r="BM25" s="1" t="s">
        <v>359</v>
      </c>
      <c r="BN25" s="1">
        <v>0.09</v>
      </c>
      <c r="BO25" s="1">
        <v>18</v>
      </c>
      <c r="BP25" s="1">
        <v>5.2</v>
      </c>
      <c r="BQ25" s="1"/>
      <c r="BR25" s="1"/>
      <c r="BS25" s="1"/>
      <c r="BT25" s="1">
        <v>1.4</v>
      </c>
      <c r="BU25" s="1"/>
      <c r="BV25" s="1"/>
      <c r="BW25" s="1"/>
      <c r="BX25" s="1"/>
      <c r="BY25" s="1"/>
      <c r="BZ25" s="1"/>
    </row>
    <row r="26" spans="1:78" x14ac:dyDescent="0.15">
      <c r="B26" s="2">
        <v>0.34791666666666665</v>
      </c>
      <c r="C26" s="1" t="s">
        <v>333</v>
      </c>
      <c r="D26" s="1" t="s">
        <v>59</v>
      </c>
      <c r="E26" s="1" t="s">
        <v>28</v>
      </c>
      <c r="G26" s="1" t="s">
        <v>120</v>
      </c>
      <c r="J26" s="1" t="s">
        <v>121</v>
      </c>
      <c r="N26" s="1" t="s">
        <v>34</v>
      </c>
      <c r="P26" s="1" t="s">
        <v>36</v>
      </c>
      <c r="Q26" s="1" t="s">
        <v>43</v>
      </c>
      <c r="R26" s="1" t="s">
        <v>111</v>
      </c>
      <c r="S26" s="1" t="s">
        <v>122</v>
      </c>
      <c r="T26" s="1" t="s">
        <v>54</v>
      </c>
      <c r="U26" s="1">
        <v>10</v>
      </c>
      <c r="V26" s="1"/>
      <c r="W26" s="1"/>
      <c r="X26" s="1">
        <v>1.3</v>
      </c>
      <c r="Y26" s="1">
        <v>0.1</v>
      </c>
      <c r="Z26" s="1">
        <v>2.7000000000000001E-3</v>
      </c>
      <c r="AA26" s="1" t="s">
        <v>378</v>
      </c>
      <c r="AB26" s="1" t="s">
        <v>376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1</v>
      </c>
      <c r="BD26" s="1">
        <v>1</v>
      </c>
      <c r="BE26" s="1"/>
      <c r="BF26" s="1"/>
      <c r="BG26" s="1"/>
      <c r="BH26" s="1"/>
      <c r="BI26" s="1"/>
      <c r="BJ26" s="1"/>
      <c r="BK26" s="1"/>
      <c r="BL26" s="1"/>
      <c r="BM26" s="1" t="s">
        <v>359</v>
      </c>
      <c r="BN26" s="1">
        <v>9.1999999999999998E-2</v>
      </c>
      <c r="BO26" s="1">
        <v>17</v>
      </c>
      <c r="BP26" s="1">
        <v>7.3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4791666666666665</v>
      </c>
      <c r="C27" s="1" t="s">
        <v>375</v>
      </c>
      <c r="D27" s="1" t="s">
        <v>59</v>
      </c>
      <c r="E27" s="1" t="s">
        <v>28</v>
      </c>
      <c r="J27" s="1" t="s">
        <v>50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43</v>
      </c>
      <c r="AI27" s="1"/>
      <c r="AJ27" s="1"/>
      <c r="AK27" s="1"/>
      <c r="AL27" s="1" t="s">
        <v>344</v>
      </c>
      <c r="AM27" s="1"/>
      <c r="AN27" s="1"/>
      <c r="AO27" s="1"/>
      <c r="AP27" t="s">
        <v>344</v>
      </c>
      <c r="AQ27" s="1"/>
      <c r="AR27" s="1" t="s">
        <v>344</v>
      </c>
      <c r="AS27" s="1" t="s">
        <v>34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3430555555555555</v>
      </c>
      <c r="C28" s="1" t="s">
        <v>332</v>
      </c>
      <c r="D28" s="1" t="s">
        <v>59</v>
      </c>
      <c r="E28" s="1" t="s">
        <v>334</v>
      </c>
      <c r="F28" s="1" t="s">
        <v>124</v>
      </c>
      <c r="G28" s="1" t="s">
        <v>125</v>
      </c>
      <c r="J28" s="1" t="s">
        <v>31</v>
      </c>
      <c r="K28" s="1" t="s">
        <v>42</v>
      </c>
      <c r="M28" s="1" t="s">
        <v>85</v>
      </c>
      <c r="N28" s="1" t="s">
        <v>34</v>
      </c>
      <c r="O28" s="1" t="s">
        <v>35</v>
      </c>
      <c r="P28" s="1" t="s">
        <v>36</v>
      </c>
      <c r="Q28" s="1" t="s">
        <v>37</v>
      </c>
      <c r="R28" s="1" t="s">
        <v>119</v>
      </c>
      <c r="S28" s="1" t="s">
        <v>45</v>
      </c>
      <c r="T28" s="1" t="s">
        <v>54</v>
      </c>
      <c r="U28" s="1">
        <v>10.7</v>
      </c>
      <c r="V28" s="3">
        <v>2300</v>
      </c>
      <c r="W28" s="1" t="s">
        <v>342</v>
      </c>
      <c r="X28" s="1">
        <v>1.1000000000000001</v>
      </c>
      <c r="Y28" s="1">
        <v>0.11</v>
      </c>
      <c r="Z28" s="1">
        <v>5.1000000000000004E-3</v>
      </c>
      <c r="AA28" t="s">
        <v>376</v>
      </c>
      <c r="AB28" t="s">
        <v>384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1</v>
      </c>
      <c r="BD28" s="1">
        <v>1</v>
      </c>
      <c r="BF28" s="1"/>
      <c r="BG28" s="1"/>
      <c r="BH28" s="1"/>
      <c r="BI28" s="1"/>
      <c r="BJ28" s="1"/>
      <c r="BK28" s="1"/>
      <c r="BL28" s="1"/>
      <c r="BM28" s="1" t="s">
        <v>359</v>
      </c>
      <c r="BN28" s="1">
        <v>0.1</v>
      </c>
      <c r="BO28" s="1">
        <v>16</v>
      </c>
      <c r="BP28" s="1">
        <v>6.8</v>
      </c>
      <c r="BQ28" s="1"/>
      <c r="BR28" s="1"/>
      <c r="BS28" s="1"/>
      <c r="BT28" s="1">
        <v>1</v>
      </c>
      <c r="BU28" s="1"/>
      <c r="BV28" s="1"/>
      <c r="BW28" s="1"/>
      <c r="BX28" s="1"/>
      <c r="BY28" s="1"/>
      <c r="BZ28" s="1"/>
    </row>
    <row r="29" spans="1:78" x14ac:dyDescent="0.15">
      <c r="B29" s="2">
        <v>0.3430555555555555</v>
      </c>
      <c r="C29" s="1" t="s">
        <v>333</v>
      </c>
      <c r="D29" s="1" t="s">
        <v>59</v>
      </c>
      <c r="E29" s="1" t="s">
        <v>334</v>
      </c>
      <c r="G29" s="1" t="s">
        <v>126</v>
      </c>
      <c r="J29" s="1" t="s">
        <v>56</v>
      </c>
      <c r="N29" s="1" t="s">
        <v>34</v>
      </c>
      <c r="P29" s="1" t="s">
        <v>36</v>
      </c>
      <c r="Q29" s="1" t="s">
        <v>43</v>
      </c>
      <c r="R29" s="1" t="s">
        <v>119</v>
      </c>
      <c r="S29" s="1" t="s">
        <v>52</v>
      </c>
      <c r="T29" s="1" t="s">
        <v>54</v>
      </c>
      <c r="U29" s="1">
        <v>10.3</v>
      </c>
      <c r="V29" s="1"/>
      <c r="W29" s="1"/>
      <c r="X29" s="1">
        <v>1.2</v>
      </c>
      <c r="Y29" s="1">
        <v>0.11</v>
      </c>
      <c r="Z29" s="1">
        <v>4.1000000000000003E-3</v>
      </c>
      <c r="AA29" t="s">
        <v>376</v>
      </c>
      <c r="AB29" t="s">
        <v>376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1</v>
      </c>
      <c r="BD29" s="1">
        <v>1</v>
      </c>
      <c r="BF29" s="1"/>
      <c r="BG29" s="1"/>
      <c r="BH29" s="1"/>
      <c r="BI29" s="1"/>
      <c r="BJ29" s="1"/>
      <c r="BK29" s="1"/>
      <c r="BL29" s="1"/>
      <c r="BM29" s="1" t="s">
        <v>359</v>
      </c>
      <c r="BN29" s="1">
        <v>9.6000000000000002E-2</v>
      </c>
      <c r="BO29" s="1">
        <v>17</v>
      </c>
      <c r="BP29" s="1">
        <v>7.4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430555555555555</v>
      </c>
      <c r="C30" s="1" t="s">
        <v>375</v>
      </c>
      <c r="D30" s="1" t="s">
        <v>59</v>
      </c>
      <c r="E30" s="1" t="s">
        <v>334</v>
      </c>
      <c r="J30" s="1" t="s">
        <v>57</v>
      </c>
      <c r="N30" s="1" t="s">
        <v>34</v>
      </c>
      <c r="U30" s="1"/>
      <c r="V30" s="1"/>
      <c r="W30" s="1"/>
      <c r="X30" s="1"/>
      <c r="Y30" s="1"/>
      <c r="Z30" s="1"/>
      <c r="AA30" t="s">
        <v>376</v>
      </c>
      <c r="AB30" t="s">
        <v>376</v>
      </c>
      <c r="AC30" s="1"/>
      <c r="AD30" s="1"/>
      <c r="AE30" s="1"/>
      <c r="AF30" s="1"/>
      <c r="AG30" s="1"/>
      <c r="AH30" s="1" t="s">
        <v>343</v>
      </c>
      <c r="AI30" s="1"/>
      <c r="AJ30" s="1"/>
      <c r="AK30" s="1"/>
      <c r="AL30" s="1" t="s">
        <v>344</v>
      </c>
      <c r="AM30" s="1"/>
      <c r="AN30" s="1"/>
      <c r="AO30" s="1"/>
      <c r="AP30" t="s">
        <v>344</v>
      </c>
      <c r="AQ30" s="1"/>
      <c r="AR30" s="1" t="s">
        <v>344</v>
      </c>
      <c r="AS30" s="1" t="s">
        <v>34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3576388888888889</v>
      </c>
      <c r="C31" s="1" t="s">
        <v>332</v>
      </c>
      <c r="D31" s="1" t="s">
        <v>27</v>
      </c>
      <c r="E31" s="1" t="s">
        <v>28</v>
      </c>
      <c r="F31" s="1" t="s">
        <v>93</v>
      </c>
      <c r="G31" s="1" t="s">
        <v>43</v>
      </c>
      <c r="J31" s="1" t="s">
        <v>31</v>
      </c>
      <c r="K31" s="1" t="s">
        <v>128</v>
      </c>
      <c r="M31" s="1" t="s">
        <v>129</v>
      </c>
      <c r="N31" s="1" t="s">
        <v>34</v>
      </c>
      <c r="O31" s="1" t="s">
        <v>35</v>
      </c>
      <c r="P31" s="1" t="s">
        <v>36</v>
      </c>
      <c r="Q31" s="1" t="s">
        <v>51</v>
      </c>
      <c r="R31" s="1" t="s">
        <v>130</v>
      </c>
      <c r="S31" s="1" t="s">
        <v>131</v>
      </c>
      <c r="T31" s="1" t="s">
        <v>68</v>
      </c>
      <c r="U31" s="1">
        <v>11.5</v>
      </c>
      <c r="V31" s="3">
        <v>330</v>
      </c>
      <c r="W31" s="1" t="s">
        <v>342</v>
      </c>
      <c r="X31" s="1">
        <v>1.3</v>
      </c>
      <c r="Y31" s="1">
        <v>0.12</v>
      </c>
      <c r="Z31" s="1">
        <v>9.9000000000000008E-3</v>
      </c>
      <c r="AA31" t="s">
        <v>376</v>
      </c>
      <c r="AB31" t="s">
        <v>385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1.2</v>
      </c>
      <c r="BD31" s="1">
        <v>1.2</v>
      </c>
      <c r="BF31" s="1"/>
      <c r="BG31" s="1"/>
      <c r="BH31" s="1"/>
      <c r="BI31" s="1"/>
      <c r="BJ31" s="1"/>
      <c r="BK31" s="1"/>
      <c r="BL31" s="1"/>
      <c r="BM31" s="1">
        <v>0.04</v>
      </c>
      <c r="BN31" s="1">
        <v>0.11</v>
      </c>
      <c r="BO31" s="1">
        <v>17</v>
      </c>
      <c r="BP31" s="1">
        <v>9.8000000000000007</v>
      </c>
      <c r="BQ31" s="1"/>
      <c r="BR31" s="1"/>
      <c r="BS31" s="1"/>
      <c r="BT31" s="1">
        <v>0.5</v>
      </c>
      <c r="BU31" s="1"/>
      <c r="BV31" s="1"/>
      <c r="BW31" s="1"/>
      <c r="BX31" s="1"/>
      <c r="BY31" s="1"/>
      <c r="BZ31" s="1"/>
    </row>
    <row r="32" spans="1:78" x14ac:dyDescent="0.15">
      <c r="B32" s="2">
        <v>0.3576388888888889</v>
      </c>
      <c r="C32" s="1" t="s">
        <v>333</v>
      </c>
      <c r="D32" s="1" t="s">
        <v>27</v>
      </c>
      <c r="E32" s="1" t="s">
        <v>28</v>
      </c>
      <c r="G32" s="1" t="s">
        <v>37</v>
      </c>
      <c r="J32" s="1" t="s">
        <v>132</v>
      </c>
      <c r="N32" s="1" t="s">
        <v>34</v>
      </c>
      <c r="P32" s="1" t="s">
        <v>36</v>
      </c>
      <c r="Q32" s="1" t="s">
        <v>51</v>
      </c>
      <c r="R32" s="1" t="s">
        <v>33</v>
      </c>
      <c r="S32" s="1" t="s">
        <v>133</v>
      </c>
      <c r="T32" s="1" t="s">
        <v>68</v>
      </c>
      <c r="U32" s="1">
        <v>11.5</v>
      </c>
      <c r="V32" s="1"/>
      <c r="W32" s="1"/>
      <c r="X32" s="1">
        <v>1.3</v>
      </c>
      <c r="Y32" s="1">
        <v>0.12</v>
      </c>
      <c r="Z32" s="1">
        <v>4.8999999999999998E-3</v>
      </c>
      <c r="AA32" t="s">
        <v>376</v>
      </c>
      <c r="AB32" t="s">
        <v>376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359</v>
      </c>
      <c r="BN32" s="1">
        <v>0.11</v>
      </c>
      <c r="BO32" s="1">
        <v>18</v>
      </c>
      <c r="BP32" s="1">
        <v>7.6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576388888888889</v>
      </c>
      <c r="C33" s="1" t="s">
        <v>375</v>
      </c>
      <c r="D33" s="1" t="s">
        <v>27</v>
      </c>
      <c r="E33" s="1" t="s">
        <v>28</v>
      </c>
      <c r="J33" s="1" t="s">
        <v>134</v>
      </c>
      <c r="N33" s="1" t="s">
        <v>34</v>
      </c>
      <c r="U33" s="1"/>
      <c r="V33" s="1"/>
      <c r="W33" s="1"/>
      <c r="X33" s="1"/>
      <c r="Y33" s="1"/>
      <c r="Z33" s="1"/>
      <c r="AA33" t="s">
        <v>376</v>
      </c>
      <c r="AB33" t="s">
        <v>376</v>
      </c>
      <c r="AC33" s="1"/>
      <c r="AD33" s="1"/>
      <c r="AE33" s="1"/>
      <c r="AF33" s="1"/>
      <c r="AG33" s="1"/>
      <c r="AH33" s="1" t="s">
        <v>343</v>
      </c>
      <c r="AI33" s="1"/>
      <c r="AJ33" s="1"/>
      <c r="AK33" s="1"/>
      <c r="AL33" s="1" t="s">
        <v>344</v>
      </c>
      <c r="AM33" s="1"/>
      <c r="AN33" s="1"/>
      <c r="AO33" s="1"/>
      <c r="AP33" t="s">
        <v>344</v>
      </c>
      <c r="AQ33" s="1"/>
      <c r="AR33" s="1" t="s">
        <v>344</v>
      </c>
      <c r="AS33" s="1" t="s">
        <v>34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5</v>
      </c>
      <c r="B34" s="2">
        <v>0.34930555555555554</v>
      </c>
      <c r="C34" s="1" t="s">
        <v>332</v>
      </c>
      <c r="D34" s="1" t="s">
        <v>27</v>
      </c>
      <c r="E34" s="1" t="s">
        <v>334</v>
      </c>
      <c r="F34" s="1" t="s">
        <v>110</v>
      </c>
      <c r="G34" s="1" t="s">
        <v>136</v>
      </c>
      <c r="J34" s="1" t="s">
        <v>31</v>
      </c>
      <c r="K34" s="1" t="s">
        <v>37</v>
      </c>
      <c r="M34" s="1" t="s">
        <v>53</v>
      </c>
      <c r="N34" s="1" t="s">
        <v>34</v>
      </c>
      <c r="O34" s="1" t="s">
        <v>35</v>
      </c>
      <c r="P34" s="1" t="s">
        <v>36</v>
      </c>
      <c r="Q34" s="1" t="s">
        <v>43</v>
      </c>
      <c r="R34" s="1" t="s">
        <v>119</v>
      </c>
      <c r="S34" s="1" t="s">
        <v>106</v>
      </c>
      <c r="T34" s="1" t="s">
        <v>68</v>
      </c>
      <c r="U34" s="1">
        <v>10.6</v>
      </c>
      <c r="V34" s="3">
        <v>4900</v>
      </c>
      <c r="W34" s="1" t="s">
        <v>342</v>
      </c>
      <c r="X34" s="1">
        <v>1.2</v>
      </c>
      <c r="Y34" s="1">
        <v>0.13</v>
      </c>
      <c r="Z34" s="1">
        <v>3.5999999999999999E-3</v>
      </c>
      <c r="AA34" t="s">
        <v>378</v>
      </c>
      <c r="AB34" t="s">
        <v>386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1.1000000000000001</v>
      </c>
      <c r="BD34" s="1">
        <v>1.1000000000000001</v>
      </c>
      <c r="BF34" s="1"/>
      <c r="BG34" s="1"/>
      <c r="BH34" s="1"/>
      <c r="BI34" s="1"/>
      <c r="BJ34" s="1"/>
      <c r="BK34" s="1"/>
      <c r="BL34" s="1"/>
      <c r="BM34" s="1" t="s">
        <v>359</v>
      </c>
      <c r="BN34" s="1">
        <v>0.1</v>
      </c>
      <c r="BO34" s="1">
        <v>21</v>
      </c>
      <c r="BP34" s="1">
        <v>7.1</v>
      </c>
      <c r="BQ34" s="1"/>
      <c r="BR34" s="1" t="s">
        <v>360</v>
      </c>
      <c r="BS34" s="1" t="s">
        <v>348</v>
      </c>
      <c r="BT34" s="1">
        <v>0.5</v>
      </c>
      <c r="BU34" s="1"/>
      <c r="BV34" s="1"/>
      <c r="BW34" s="1"/>
      <c r="BX34" s="1"/>
      <c r="BY34" s="1"/>
      <c r="BZ34" s="1"/>
    </row>
    <row r="35" spans="1:78" x14ac:dyDescent="0.15">
      <c r="B35" s="2">
        <v>0.34930555555555554</v>
      </c>
      <c r="C35" s="1" t="s">
        <v>333</v>
      </c>
      <c r="D35" s="1" t="s">
        <v>27</v>
      </c>
      <c r="E35" s="1" t="s">
        <v>334</v>
      </c>
      <c r="G35" s="1" t="s">
        <v>136</v>
      </c>
      <c r="J35" s="1" t="s">
        <v>62</v>
      </c>
      <c r="N35" s="1" t="s">
        <v>34</v>
      </c>
      <c r="P35" s="1" t="s">
        <v>36</v>
      </c>
      <c r="Q35" s="1" t="s">
        <v>43</v>
      </c>
      <c r="R35" s="1" t="s">
        <v>130</v>
      </c>
      <c r="S35" s="1" t="s">
        <v>106</v>
      </c>
      <c r="T35" s="1" t="s">
        <v>68</v>
      </c>
      <c r="U35" s="1">
        <v>10.4</v>
      </c>
      <c r="V35" s="1"/>
      <c r="W35" s="1"/>
      <c r="X35" s="1">
        <v>1.3</v>
      </c>
      <c r="Y35" s="1">
        <v>0.12</v>
      </c>
      <c r="Z35" s="1">
        <v>2.8999999999999998E-3</v>
      </c>
      <c r="AA35" t="s">
        <v>378</v>
      </c>
      <c r="AB35" t="s">
        <v>376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1.1000000000000001</v>
      </c>
      <c r="BD35" s="1">
        <v>1.1000000000000001</v>
      </c>
      <c r="BF35" s="1"/>
      <c r="BG35" s="1"/>
      <c r="BH35" s="1"/>
      <c r="BI35" s="1"/>
      <c r="BJ35" s="1"/>
      <c r="BK35" s="1"/>
      <c r="BL35" s="1"/>
      <c r="BM35" s="1" t="s">
        <v>359</v>
      </c>
      <c r="BN35" s="1">
        <v>0.09</v>
      </c>
      <c r="BO35" s="1">
        <v>18</v>
      </c>
      <c r="BP35" s="1">
        <v>7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4930555555555554</v>
      </c>
      <c r="C36" s="1" t="s">
        <v>375</v>
      </c>
      <c r="D36" s="1" t="s">
        <v>27</v>
      </c>
      <c r="E36" s="1" t="s">
        <v>334</v>
      </c>
      <c r="J36" s="1" t="s">
        <v>98</v>
      </c>
      <c r="N36" s="1" t="s">
        <v>34</v>
      </c>
      <c r="U36" s="1"/>
      <c r="V36" s="1"/>
      <c r="W36" s="1"/>
      <c r="X36" s="1"/>
      <c r="Y36" s="1"/>
      <c r="Z36" s="1"/>
      <c r="AA36" t="s">
        <v>376</v>
      </c>
      <c r="AB36" t="s">
        <v>376</v>
      </c>
      <c r="AC36" s="1" t="s">
        <v>345</v>
      </c>
      <c r="AD36" s="1" t="s">
        <v>346</v>
      </c>
      <c r="AE36" s="1" t="s">
        <v>343</v>
      </c>
      <c r="AF36" s="1" t="s">
        <v>347</v>
      </c>
      <c r="AG36" s="1" t="s">
        <v>348</v>
      </c>
      <c r="AH36" s="1" t="s">
        <v>343</v>
      </c>
      <c r="AI36" s="1"/>
      <c r="AJ36" s="1" t="s">
        <v>343</v>
      </c>
      <c r="AK36" s="1" t="s">
        <v>344</v>
      </c>
      <c r="AL36" s="1" t="s">
        <v>344</v>
      </c>
      <c r="AM36" s="1" t="s">
        <v>344</v>
      </c>
      <c r="AN36" s="1" t="s">
        <v>344</v>
      </c>
      <c r="AO36" s="1" t="s">
        <v>344</v>
      </c>
      <c r="AP36" t="s">
        <v>344</v>
      </c>
      <c r="AQ36" s="1" t="s">
        <v>344</v>
      </c>
      <c r="AR36" s="1" t="s">
        <v>344</v>
      </c>
      <c r="AS36" s="1" t="s">
        <v>344</v>
      </c>
      <c r="AT36" s="1" t="s">
        <v>353</v>
      </c>
      <c r="AU36" s="1"/>
      <c r="AV36" s="1"/>
      <c r="AW36" s="1"/>
      <c r="AX36" s="1" t="s">
        <v>344</v>
      </c>
      <c r="AY36" s="1" t="s">
        <v>354</v>
      </c>
      <c r="AZ36" s="1">
        <v>0.1</v>
      </c>
      <c r="BA36" s="1" t="s">
        <v>347</v>
      </c>
      <c r="BB36" s="1"/>
      <c r="BC36" s="1"/>
      <c r="BD36" s="1"/>
      <c r="BE36" t="s">
        <v>348</v>
      </c>
      <c r="BF36" s="1" t="s">
        <v>348</v>
      </c>
      <c r="BG36" s="1">
        <v>1.1999999999999999E-3</v>
      </c>
      <c r="BH36" s="1" t="s">
        <v>347</v>
      </c>
      <c r="BI36" s="1" t="s">
        <v>346</v>
      </c>
      <c r="BJ36" s="1" t="s">
        <v>347</v>
      </c>
      <c r="BK36" s="1"/>
      <c r="BL36" s="1" t="s">
        <v>361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7</v>
      </c>
      <c r="B37" s="2">
        <v>0.35000000000000003</v>
      </c>
      <c r="C37" s="1" t="s">
        <v>332</v>
      </c>
      <c r="D37" s="1" t="s">
        <v>59</v>
      </c>
      <c r="E37" s="1" t="s">
        <v>334</v>
      </c>
      <c r="F37" s="1" t="s">
        <v>138</v>
      </c>
      <c r="G37" s="1" t="s">
        <v>139</v>
      </c>
      <c r="J37" s="1" t="s">
        <v>31</v>
      </c>
      <c r="K37" s="1" t="s">
        <v>62</v>
      </c>
      <c r="M37" s="1" t="s">
        <v>129</v>
      </c>
      <c r="N37" s="1" t="s">
        <v>34</v>
      </c>
      <c r="O37" s="1" t="s">
        <v>35</v>
      </c>
      <c r="P37" s="1" t="s">
        <v>36</v>
      </c>
      <c r="Q37" s="1" t="s">
        <v>43</v>
      </c>
      <c r="R37" s="1" t="s">
        <v>33</v>
      </c>
      <c r="S37" s="1" t="s">
        <v>122</v>
      </c>
      <c r="T37" s="1" t="s">
        <v>68</v>
      </c>
      <c r="U37" s="1">
        <v>10.7</v>
      </c>
      <c r="V37" s="3">
        <v>1300</v>
      </c>
      <c r="W37" s="1" t="s">
        <v>342</v>
      </c>
      <c r="X37" s="1">
        <v>1.5</v>
      </c>
      <c r="Y37" s="1">
        <v>0.13</v>
      </c>
      <c r="Z37" s="1">
        <v>6.4999999999999997E-3</v>
      </c>
      <c r="AA37" t="s">
        <v>376</v>
      </c>
      <c r="AB37" t="s">
        <v>387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1.1000000000000001</v>
      </c>
      <c r="BD37" s="1">
        <v>1.1000000000000001</v>
      </c>
      <c r="BF37" s="1"/>
      <c r="BG37" s="1"/>
      <c r="BH37" s="1"/>
      <c r="BI37" s="1"/>
      <c r="BJ37" s="1"/>
      <c r="BK37" s="1"/>
      <c r="BL37" s="1"/>
      <c r="BM37" s="1" t="s">
        <v>359</v>
      </c>
      <c r="BN37" s="1">
        <v>0.1</v>
      </c>
      <c r="BO37" s="1">
        <v>16</v>
      </c>
      <c r="BP37" s="1">
        <v>6.6</v>
      </c>
      <c r="BQ37" s="1"/>
      <c r="BR37" s="1"/>
      <c r="BS37" s="1"/>
      <c r="BT37" s="1">
        <v>1.1000000000000001</v>
      </c>
      <c r="BU37" s="1"/>
      <c r="BV37" s="1"/>
      <c r="BW37" s="1"/>
      <c r="BX37" s="1"/>
      <c r="BY37" s="1"/>
      <c r="BZ37" s="1"/>
    </row>
    <row r="38" spans="1:78" x14ac:dyDescent="0.15">
      <c r="B38" s="2">
        <v>0.35000000000000003</v>
      </c>
      <c r="C38" s="1" t="s">
        <v>333</v>
      </c>
      <c r="D38" s="1" t="s">
        <v>59</v>
      </c>
      <c r="E38" s="1" t="s">
        <v>334</v>
      </c>
      <c r="G38" s="1" t="s">
        <v>140</v>
      </c>
      <c r="J38" s="1" t="s">
        <v>70</v>
      </c>
      <c r="N38" s="1" t="s">
        <v>34</v>
      </c>
      <c r="P38" s="1" t="s">
        <v>36</v>
      </c>
      <c r="Q38" s="1" t="s">
        <v>43</v>
      </c>
      <c r="R38" s="1" t="s">
        <v>44</v>
      </c>
      <c r="S38" s="1" t="s">
        <v>133</v>
      </c>
      <c r="T38" s="1" t="s">
        <v>40</v>
      </c>
      <c r="U38" s="1">
        <v>10.7</v>
      </c>
      <c r="V38" s="1"/>
      <c r="W38" s="1"/>
      <c r="X38" s="1">
        <v>1.3</v>
      </c>
      <c r="Y38" s="1">
        <v>0.13</v>
      </c>
      <c r="Z38" s="1">
        <v>6.0000000000000001E-3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1.1000000000000001</v>
      </c>
      <c r="BD38" s="1">
        <v>1.1000000000000001</v>
      </c>
      <c r="BF38" s="1"/>
      <c r="BG38" s="1"/>
      <c r="BH38" s="1"/>
      <c r="BI38" s="1"/>
      <c r="BJ38" s="1"/>
      <c r="BK38" s="1"/>
      <c r="BL38" s="1"/>
      <c r="BM38" s="1" t="s">
        <v>359</v>
      </c>
      <c r="BN38" s="1">
        <v>0.1</v>
      </c>
      <c r="BO38" s="1">
        <v>17</v>
      </c>
      <c r="BP38" s="1">
        <v>7.2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35000000000000003</v>
      </c>
      <c r="C39" s="1" t="s">
        <v>375</v>
      </c>
      <c r="D39" s="1" t="s">
        <v>59</v>
      </c>
      <c r="E39" s="1" t="s">
        <v>334</v>
      </c>
      <c r="J39" s="1" t="s">
        <v>72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43</v>
      </c>
      <c r="AI39" s="1"/>
      <c r="AJ39" s="1"/>
      <c r="AK39" s="1"/>
      <c r="AL39" s="1" t="s">
        <v>344</v>
      </c>
      <c r="AM39" s="1"/>
      <c r="AN39" s="1"/>
      <c r="AO39" s="1"/>
      <c r="AP39" t="s">
        <v>344</v>
      </c>
      <c r="AQ39" s="1"/>
      <c r="AR39" s="1" t="s">
        <v>344</v>
      </c>
      <c r="AS39" s="1" t="s">
        <v>344</v>
      </c>
      <c r="AT39" s="1"/>
      <c r="AU39" s="1" t="s">
        <v>343</v>
      </c>
      <c r="AV39" s="1" t="s">
        <v>345</v>
      </c>
      <c r="AW39" s="1" t="s">
        <v>34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343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21</v>
      </c>
      <c r="C1" s="1" t="s">
        <v>1</v>
      </c>
      <c r="D1" s="1" t="s">
        <v>335</v>
      </c>
      <c r="E1" s="1" t="s">
        <v>2</v>
      </c>
      <c r="F1" s="1" t="s">
        <v>323</v>
      </c>
      <c r="G1" s="1" t="s">
        <v>3</v>
      </c>
      <c r="H1" s="1" t="s">
        <v>32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25</v>
      </c>
      <c r="V2" s="1" t="s">
        <v>274</v>
      </c>
      <c r="W2" s="1" t="s">
        <v>339</v>
      </c>
      <c r="X2" s="1" t="s">
        <v>275</v>
      </c>
      <c r="Y2" s="1" t="s">
        <v>276</v>
      </c>
      <c r="Z2" s="1" t="s">
        <v>277</v>
      </c>
      <c r="AA2" s="1" t="s">
        <v>367</v>
      </c>
      <c r="AB2" s="1" t="s">
        <v>373</v>
      </c>
      <c r="AC2" s="1" t="s">
        <v>278</v>
      </c>
      <c r="AD2" s="1" t="s">
        <v>279</v>
      </c>
      <c r="AE2" s="1" t="s">
        <v>340</v>
      </c>
      <c r="AF2" s="1" t="s">
        <v>280</v>
      </c>
      <c r="AG2" s="1" t="s">
        <v>281</v>
      </c>
      <c r="AH2" s="1" t="s">
        <v>282</v>
      </c>
      <c r="AI2" s="1" t="s">
        <v>283</v>
      </c>
      <c r="AJ2" s="1" t="s">
        <v>284</v>
      </c>
      <c r="AK2" s="1" t="s">
        <v>285</v>
      </c>
      <c r="AL2" s="1" t="s">
        <v>286</v>
      </c>
      <c r="AM2" s="1" t="s">
        <v>287</v>
      </c>
      <c r="AN2" s="1" t="s">
        <v>288</v>
      </c>
      <c r="AO2" s="1" t="s">
        <v>289</v>
      </c>
      <c r="AP2" t="s">
        <v>362</v>
      </c>
      <c r="AQ2" s="1" t="s">
        <v>290</v>
      </c>
      <c r="AR2" s="1" t="s">
        <v>291</v>
      </c>
      <c r="AS2" s="1" t="s">
        <v>292</v>
      </c>
      <c r="AT2" s="1" t="s">
        <v>350</v>
      </c>
      <c r="AU2" s="1" t="s">
        <v>293</v>
      </c>
      <c r="AV2" s="1" t="s">
        <v>294</v>
      </c>
      <c r="AW2" s="1" t="s">
        <v>295</v>
      </c>
      <c r="AX2" s="1" t="s">
        <v>296</v>
      </c>
      <c r="AY2" s="1" t="s">
        <v>297</v>
      </c>
      <c r="AZ2" s="1" t="s">
        <v>298</v>
      </c>
      <c r="BA2" s="1" t="s">
        <v>299</v>
      </c>
      <c r="BB2" s="1" t="s">
        <v>300</v>
      </c>
      <c r="BC2" s="1" t="s">
        <v>301</v>
      </c>
      <c r="BD2" s="1" t="s">
        <v>302</v>
      </c>
      <c r="BE2" s="1" t="s">
        <v>372</v>
      </c>
      <c r="BF2" s="1" t="s">
        <v>303</v>
      </c>
      <c r="BG2" s="1" t="s">
        <v>351</v>
      </c>
      <c r="BH2" s="1" t="s">
        <v>352</v>
      </c>
      <c r="BI2" s="1" t="s">
        <v>304</v>
      </c>
      <c r="BJ2" s="1" t="s">
        <v>305</v>
      </c>
      <c r="BK2" s="1" t="s">
        <v>306</v>
      </c>
      <c r="BL2" s="1" t="s">
        <v>307</v>
      </c>
      <c r="BM2" s="1" t="s">
        <v>308</v>
      </c>
      <c r="BN2" s="1" t="s">
        <v>309</v>
      </c>
      <c r="BO2" s="1" t="s">
        <v>310</v>
      </c>
      <c r="BP2" s="1" t="s">
        <v>311</v>
      </c>
      <c r="BQ2" s="1" t="s">
        <v>312</v>
      </c>
      <c r="BR2" s="1" t="s">
        <v>313</v>
      </c>
      <c r="BS2" s="1" t="s">
        <v>314</v>
      </c>
      <c r="BT2" s="1" t="s">
        <v>315</v>
      </c>
      <c r="BU2" s="1" t="s">
        <v>316</v>
      </c>
      <c r="BV2" s="1" t="s">
        <v>317</v>
      </c>
      <c r="BW2" s="1" t="s">
        <v>318</v>
      </c>
      <c r="BX2" s="1" t="s">
        <v>319</v>
      </c>
      <c r="BY2" s="1" t="s">
        <v>320</v>
      </c>
      <c r="BZ2" s="1" t="s">
        <v>356</v>
      </c>
    </row>
    <row r="3" spans="1:78" x14ac:dyDescent="0.15">
      <c r="A3" s="1" t="s">
        <v>326</v>
      </c>
      <c r="B3" s="1" t="s">
        <v>327</v>
      </c>
      <c r="C3" s="1"/>
      <c r="D3" s="1"/>
      <c r="E3" s="1"/>
      <c r="F3" s="1" t="s">
        <v>328</v>
      </c>
      <c r="G3" s="1" t="s">
        <v>328</v>
      </c>
      <c r="H3" s="1" t="s">
        <v>329</v>
      </c>
      <c r="I3" s="1" t="s">
        <v>24</v>
      </c>
      <c r="J3" s="1" t="s">
        <v>330</v>
      </c>
      <c r="K3" s="1" t="s">
        <v>330</v>
      </c>
      <c r="L3" s="1" t="s">
        <v>331</v>
      </c>
      <c r="M3" s="1" t="s">
        <v>330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4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57</v>
      </c>
      <c r="BP3" s="1" t="s">
        <v>25</v>
      </c>
      <c r="BQ3" s="1" t="s">
        <v>358</v>
      </c>
      <c r="BR3" s="1" t="s">
        <v>25</v>
      </c>
      <c r="BS3" s="1" t="s">
        <v>25</v>
      </c>
      <c r="BT3" s="1" t="s">
        <v>36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6944444444444446</v>
      </c>
      <c r="C4" s="1" t="s">
        <v>332</v>
      </c>
      <c r="D4" s="1" t="s">
        <v>27</v>
      </c>
      <c r="E4" s="1" t="s">
        <v>28</v>
      </c>
      <c r="F4" s="1" t="s">
        <v>141</v>
      </c>
      <c r="G4" s="1" t="s">
        <v>142</v>
      </c>
      <c r="J4" s="1" t="s">
        <v>31</v>
      </c>
      <c r="K4" s="1" t="s">
        <v>43</v>
      </c>
      <c r="M4" s="1" t="s">
        <v>119</v>
      </c>
      <c r="N4" s="1" t="s">
        <v>34</v>
      </c>
      <c r="O4" s="1" t="s">
        <v>143</v>
      </c>
      <c r="P4" s="1" t="s">
        <v>36</v>
      </c>
      <c r="Q4" s="1" t="s">
        <v>43</v>
      </c>
      <c r="R4" s="1" t="s">
        <v>44</v>
      </c>
      <c r="S4" s="1" t="s">
        <v>133</v>
      </c>
      <c r="T4" s="1" t="s">
        <v>68</v>
      </c>
      <c r="U4" s="1">
        <v>10.5</v>
      </c>
      <c r="V4" s="3">
        <v>130</v>
      </c>
      <c r="W4" s="1"/>
      <c r="X4" s="1">
        <v>0.95</v>
      </c>
      <c r="Y4" s="1">
        <v>8.1000000000000003E-2</v>
      </c>
      <c r="Z4" s="1">
        <v>2.8999999999999998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79</v>
      </c>
      <c r="BD4" s="1">
        <v>0.84</v>
      </c>
      <c r="BE4" s="1"/>
      <c r="BF4" s="1"/>
      <c r="BG4" s="1"/>
      <c r="BH4" s="1"/>
      <c r="BI4" s="1"/>
      <c r="BJ4" s="1"/>
      <c r="BK4" s="1"/>
      <c r="BL4" s="1"/>
      <c r="BM4" s="1" t="s">
        <v>359</v>
      </c>
      <c r="BN4" s="1">
        <v>0.05</v>
      </c>
      <c r="BO4" s="1">
        <v>15</v>
      </c>
      <c r="BP4" s="1">
        <v>6.3</v>
      </c>
      <c r="BQ4" s="1"/>
      <c r="BR4" s="1"/>
      <c r="BS4" s="1"/>
      <c r="BT4" s="1">
        <v>2</v>
      </c>
      <c r="BU4" s="1"/>
      <c r="BV4" s="1"/>
      <c r="BW4" s="1"/>
      <c r="BX4" s="1"/>
      <c r="BY4" s="1"/>
      <c r="BZ4" s="1"/>
    </row>
    <row r="5" spans="1:78" x14ac:dyDescent="0.15">
      <c r="B5" s="2">
        <v>0.36944444444444446</v>
      </c>
      <c r="C5" s="1" t="s">
        <v>333</v>
      </c>
      <c r="D5" s="1" t="s">
        <v>27</v>
      </c>
      <c r="E5" s="1" t="s">
        <v>28</v>
      </c>
      <c r="G5" s="1" t="s">
        <v>144</v>
      </c>
      <c r="J5" s="1" t="s">
        <v>145</v>
      </c>
      <c r="N5" s="1" t="s">
        <v>34</v>
      </c>
      <c r="P5" s="1" t="s">
        <v>36</v>
      </c>
      <c r="Q5" s="1" t="s">
        <v>43</v>
      </c>
      <c r="R5" s="1" t="s">
        <v>38</v>
      </c>
      <c r="S5" s="1" t="s">
        <v>39</v>
      </c>
      <c r="T5" s="1" t="s">
        <v>40</v>
      </c>
      <c r="U5" s="1">
        <v>10.1</v>
      </c>
      <c r="V5" s="1"/>
      <c r="W5" s="1"/>
      <c r="X5" s="1">
        <v>1</v>
      </c>
      <c r="Y5" s="1">
        <v>9.1999999999999998E-2</v>
      </c>
      <c r="Z5" s="1">
        <v>6.3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2</v>
      </c>
      <c r="BC5" s="1">
        <v>0.91</v>
      </c>
      <c r="BD5" s="1">
        <v>0.96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7.0000000000000007E-2</v>
      </c>
      <c r="BO5" s="1">
        <v>15</v>
      </c>
      <c r="BP5" s="1">
        <v>7.3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6944444444444446</v>
      </c>
      <c r="C6" s="1" t="s">
        <v>375</v>
      </c>
      <c r="D6" s="1" t="s">
        <v>27</v>
      </c>
      <c r="E6" s="1" t="s">
        <v>28</v>
      </c>
      <c r="J6" s="1" t="s">
        <v>146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43</v>
      </c>
      <c r="AI6" s="1"/>
      <c r="AJ6" s="1"/>
      <c r="AK6" s="1"/>
      <c r="AL6" s="1"/>
      <c r="AM6" s="1"/>
      <c r="AN6" s="1"/>
      <c r="AO6" s="1"/>
      <c r="AQ6" s="1"/>
      <c r="AR6" s="1" t="s">
        <v>344</v>
      </c>
      <c r="AS6" s="1" t="s">
        <v>34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7</v>
      </c>
      <c r="B7" s="2">
        <v>0.36388888888888887</v>
      </c>
      <c r="C7" s="1" t="s">
        <v>332</v>
      </c>
      <c r="D7" s="1" t="s">
        <v>27</v>
      </c>
      <c r="E7" s="1" t="s">
        <v>334</v>
      </c>
      <c r="F7" s="1" t="s">
        <v>76</v>
      </c>
      <c r="G7" s="1" t="s">
        <v>147</v>
      </c>
      <c r="J7" s="1" t="s">
        <v>31</v>
      </c>
      <c r="K7" s="1" t="s">
        <v>126</v>
      </c>
      <c r="M7" s="1" t="s">
        <v>111</v>
      </c>
      <c r="N7" s="1" t="s">
        <v>34</v>
      </c>
      <c r="O7" s="1" t="s">
        <v>148</v>
      </c>
      <c r="P7" s="1" t="s">
        <v>36</v>
      </c>
      <c r="Q7" s="1" t="s">
        <v>149</v>
      </c>
      <c r="R7" s="1" t="s">
        <v>122</v>
      </c>
      <c r="S7" s="1" t="s">
        <v>150</v>
      </c>
      <c r="T7" s="1" t="s">
        <v>54</v>
      </c>
      <c r="U7" s="1">
        <v>14.9</v>
      </c>
      <c r="V7" s="3">
        <v>13</v>
      </c>
      <c r="W7" s="1"/>
      <c r="X7" s="1">
        <v>0.81</v>
      </c>
      <c r="Y7" s="1">
        <v>6.4000000000000001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37</v>
      </c>
      <c r="BD7" s="1">
        <v>0.42</v>
      </c>
      <c r="BE7" s="1"/>
      <c r="BF7" s="1"/>
      <c r="BG7" s="1"/>
      <c r="BH7" s="1"/>
      <c r="BI7" s="1"/>
      <c r="BJ7" s="1"/>
      <c r="BK7" s="1"/>
      <c r="BL7" s="1"/>
      <c r="BM7" s="1" t="s">
        <v>359</v>
      </c>
      <c r="BN7" s="1" t="s">
        <v>348</v>
      </c>
      <c r="BO7" s="1">
        <v>14</v>
      </c>
      <c r="BP7" s="1">
        <v>4.5</v>
      </c>
      <c r="BQ7" s="1"/>
      <c r="BR7" s="1"/>
      <c r="BS7" s="1"/>
      <c r="BT7" s="1">
        <v>26</v>
      </c>
      <c r="BU7" s="1"/>
      <c r="BV7" s="1"/>
      <c r="BW7" s="1"/>
      <c r="BX7" s="1"/>
      <c r="BY7" s="1"/>
      <c r="BZ7" s="1"/>
    </row>
    <row r="8" spans="1:78" x14ac:dyDescent="0.15">
      <c r="B8" s="2">
        <v>0.36388888888888887</v>
      </c>
      <c r="C8" s="1" t="s">
        <v>333</v>
      </c>
      <c r="D8" s="1" t="s">
        <v>27</v>
      </c>
      <c r="E8" s="1" t="s">
        <v>334</v>
      </c>
      <c r="G8" s="1" t="s">
        <v>151</v>
      </c>
      <c r="J8" s="1" t="s">
        <v>152</v>
      </c>
      <c r="N8" s="1" t="s">
        <v>34</v>
      </c>
      <c r="P8" s="1" t="s">
        <v>36</v>
      </c>
      <c r="Q8" s="1" t="s">
        <v>51</v>
      </c>
      <c r="R8" s="1" t="s">
        <v>31</v>
      </c>
      <c r="S8" s="1" t="s">
        <v>52</v>
      </c>
      <c r="T8" s="1" t="s">
        <v>54</v>
      </c>
      <c r="U8" s="1">
        <v>10.1</v>
      </c>
      <c r="V8" s="1"/>
      <c r="W8" s="1"/>
      <c r="X8" s="1">
        <v>1</v>
      </c>
      <c r="Y8" s="1">
        <v>8.4000000000000005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9</v>
      </c>
      <c r="BD8" s="1">
        <v>0.95</v>
      </c>
      <c r="BE8" s="1"/>
      <c r="BF8" s="1"/>
      <c r="BG8" s="1"/>
      <c r="BH8" s="1"/>
      <c r="BI8" s="1"/>
      <c r="BJ8" s="1"/>
      <c r="BK8" s="1"/>
      <c r="BL8" s="1"/>
      <c r="BM8" s="1" t="s">
        <v>359</v>
      </c>
      <c r="BN8" s="1">
        <v>6.5000000000000002E-2</v>
      </c>
      <c r="BO8" s="1">
        <v>14</v>
      </c>
      <c r="BP8" s="1">
        <v>4.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36388888888888887</v>
      </c>
      <c r="C9" s="1" t="s">
        <v>375</v>
      </c>
      <c r="D9" s="1" t="s">
        <v>27</v>
      </c>
      <c r="E9" s="1" t="s">
        <v>334</v>
      </c>
      <c r="J9" s="1" t="s">
        <v>153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43</v>
      </c>
      <c r="AI9" s="1"/>
      <c r="AJ9" s="1"/>
      <c r="AK9" s="1"/>
      <c r="AL9" s="1"/>
      <c r="AM9" s="1"/>
      <c r="AN9" s="1"/>
      <c r="AO9" s="1"/>
      <c r="AQ9" s="1"/>
      <c r="AR9" s="1" t="s">
        <v>344</v>
      </c>
      <c r="AS9" s="1" t="s">
        <v>34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6319444444444443</v>
      </c>
      <c r="C10" s="1" t="s">
        <v>332</v>
      </c>
      <c r="D10" s="1" t="s">
        <v>59</v>
      </c>
      <c r="E10" s="1" t="s">
        <v>28</v>
      </c>
      <c r="F10" s="1" t="s">
        <v>154</v>
      </c>
      <c r="G10" s="1" t="s">
        <v>61</v>
      </c>
      <c r="J10" s="1" t="s">
        <v>31</v>
      </c>
      <c r="K10" s="1" t="s">
        <v>125</v>
      </c>
      <c r="M10" s="1" t="s">
        <v>45</v>
      </c>
      <c r="N10" s="1" t="s">
        <v>34</v>
      </c>
      <c r="O10" s="1" t="s">
        <v>35</v>
      </c>
      <c r="P10" s="1" t="s">
        <v>36</v>
      </c>
      <c r="Q10" s="1" t="s">
        <v>155</v>
      </c>
      <c r="R10" s="1" t="s">
        <v>156</v>
      </c>
      <c r="S10" s="1" t="s">
        <v>98</v>
      </c>
      <c r="T10" s="1" t="s">
        <v>40</v>
      </c>
      <c r="U10" s="1">
        <v>11.2</v>
      </c>
      <c r="V10" s="3">
        <v>33</v>
      </c>
      <c r="W10" s="1"/>
      <c r="X10" s="1">
        <v>0.96</v>
      </c>
      <c r="Y10" s="1">
        <v>6.8000000000000005E-2</v>
      </c>
      <c r="Z10" s="1">
        <v>3.8999999999999998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48</v>
      </c>
      <c r="BD10" s="1">
        <v>0.53</v>
      </c>
      <c r="BE10" s="1"/>
      <c r="BF10" s="1"/>
      <c r="BG10" s="1"/>
      <c r="BH10" s="1"/>
      <c r="BI10" s="1"/>
      <c r="BJ10" s="1"/>
      <c r="BK10" s="1"/>
      <c r="BL10" s="1"/>
      <c r="BM10" s="1" t="s">
        <v>359</v>
      </c>
      <c r="BN10" s="1">
        <v>1.9E-2</v>
      </c>
      <c r="BO10" s="1">
        <v>14</v>
      </c>
      <c r="BP10" s="1">
        <v>4.4000000000000004</v>
      </c>
      <c r="BQ10" s="1"/>
      <c r="BR10" s="1"/>
      <c r="BS10" s="1"/>
      <c r="BT10" s="1">
        <v>39</v>
      </c>
      <c r="BU10" s="1"/>
      <c r="BV10" s="1"/>
      <c r="BW10" s="1"/>
      <c r="BX10" s="1"/>
      <c r="BY10" s="1"/>
      <c r="BZ10" s="1"/>
    </row>
    <row r="11" spans="1:78" x14ac:dyDescent="0.15">
      <c r="B11" s="2">
        <v>0.36319444444444443</v>
      </c>
      <c r="C11" s="1" t="s">
        <v>333</v>
      </c>
      <c r="D11" s="1" t="s">
        <v>59</v>
      </c>
      <c r="E11" s="1" t="s">
        <v>28</v>
      </c>
      <c r="G11" s="1" t="s">
        <v>157</v>
      </c>
      <c r="J11" s="1" t="s">
        <v>158</v>
      </c>
      <c r="N11" s="1" t="s">
        <v>34</v>
      </c>
      <c r="P11" s="1" t="s">
        <v>36</v>
      </c>
      <c r="Q11" s="1" t="s">
        <v>51</v>
      </c>
      <c r="R11" s="1" t="s">
        <v>106</v>
      </c>
      <c r="S11" s="1" t="s">
        <v>96</v>
      </c>
      <c r="T11" s="1" t="s">
        <v>68</v>
      </c>
      <c r="U11" s="1">
        <v>9</v>
      </c>
      <c r="V11" s="1"/>
      <c r="W11" s="1"/>
      <c r="X11" s="1">
        <v>1.3</v>
      </c>
      <c r="Y11" s="1">
        <v>9.9000000000000005E-2</v>
      </c>
      <c r="Z11" s="1">
        <v>2.3999999999999998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87</v>
      </c>
      <c r="BD11" s="1">
        <v>0.92</v>
      </c>
      <c r="BE11" s="1"/>
      <c r="BF11" s="1"/>
      <c r="BG11" s="1"/>
      <c r="BH11" s="1"/>
      <c r="BI11" s="1"/>
      <c r="BJ11" s="1"/>
      <c r="BK11" s="1"/>
      <c r="BL11" s="1"/>
      <c r="BM11" s="1" t="s">
        <v>359</v>
      </c>
      <c r="BN11" s="1">
        <v>7.2999999999999995E-2</v>
      </c>
      <c r="BO11" s="1">
        <v>14</v>
      </c>
      <c r="BP11" s="1">
        <v>4.5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6319444444444443</v>
      </c>
      <c r="C12" s="1" t="s">
        <v>375</v>
      </c>
      <c r="D12" s="1" t="s">
        <v>59</v>
      </c>
      <c r="E12" s="1" t="s">
        <v>28</v>
      </c>
      <c r="J12" s="1" t="s">
        <v>56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43</v>
      </c>
      <c r="AI12" s="1"/>
      <c r="AJ12" s="1"/>
      <c r="AK12" s="1"/>
      <c r="AL12" s="1"/>
      <c r="AM12" s="1"/>
      <c r="AN12" s="1"/>
      <c r="AO12" s="1"/>
      <c r="AQ12" s="1"/>
      <c r="AR12" s="1" t="s">
        <v>344</v>
      </c>
      <c r="AS12" s="1" t="s">
        <v>34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36805555555555558</v>
      </c>
      <c r="C13" s="1" t="s">
        <v>332</v>
      </c>
      <c r="D13" s="1" t="s">
        <v>74</v>
      </c>
      <c r="E13" s="1" t="s">
        <v>28</v>
      </c>
      <c r="F13" s="1" t="s">
        <v>159</v>
      </c>
      <c r="G13" s="1" t="s">
        <v>160</v>
      </c>
      <c r="J13" s="1" t="s">
        <v>31</v>
      </c>
      <c r="K13" s="1" t="s">
        <v>161</v>
      </c>
      <c r="M13" s="1" t="s">
        <v>77</v>
      </c>
      <c r="N13" s="1" t="s">
        <v>34</v>
      </c>
      <c r="O13" s="1" t="s">
        <v>35</v>
      </c>
      <c r="P13" s="1" t="s">
        <v>36</v>
      </c>
      <c r="Q13" s="1" t="s">
        <v>78</v>
      </c>
      <c r="R13" s="1" t="s">
        <v>50</v>
      </c>
      <c r="S13" s="1" t="s">
        <v>162</v>
      </c>
      <c r="T13" s="1" t="s">
        <v>68</v>
      </c>
      <c r="U13" s="1">
        <v>13.7</v>
      </c>
      <c r="V13" s="3">
        <v>23</v>
      </c>
      <c r="W13" s="1"/>
      <c r="X13" s="1">
        <v>0.76</v>
      </c>
      <c r="Y13" s="1">
        <v>6.4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46</v>
      </c>
      <c r="BC13" s="1">
        <v>0.21</v>
      </c>
      <c r="BD13" s="1">
        <v>0.26</v>
      </c>
      <c r="BE13" s="1"/>
      <c r="BF13" s="1"/>
      <c r="BG13" s="1"/>
      <c r="BH13" s="1"/>
      <c r="BI13" s="1"/>
      <c r="BJ13" s="1"/>
      <c r="BK13" s="1"/>
      <c r="BL13" s="1"/>
      <c r="BM13" s="1">
        <v>0.05</v>
      </c>
      <c r="BN13" s="1" t="s">
        <v>348</v>
      </c>
      <c r="BO13" s="1">
        <v>13</v>
      </c>
      <c r="BP13" s="1">
        <v>3.5</v>
      </c>
      <c r="BQ13" s="1"/>
      <c r="BR13" s="1"/>
      <c r="BS13" s="1"/>
      <c r="BT13" s="1">
        <v>20</v>
      </c>
      <c r="BU13" s="1"/>
      <c r="BV13" s="1"/>
      <c r="BW13" s="1"/>
      <c r="BX13" s="1"/>
      <c r="BY13" s="1"/>
      <c r="BZ13" s="1"/>
    </row>
    <row r="14" spans="1:78" x14ac:dyDescent="0.15">
      <c r="B14" s="2">
        <v>0.36805555555555558</v>
      </c>
      <c r="C14" s="1" t="s">
        <v>333</v>
      </c>
      <c r="D14" s="1" t="s">
        <v>74</v>
      </c>
      <c r="E14" s="1" t="s">
        <v>28</v>
      </c>
      <c r="G14" s="1" t="s">
        <v>154</v>
      </c>
      <c r="J14" s="1" t="s">
        <v>163</v>
      </c>
      <c r="N14" s="1" t="s">
        <v>34</v>
      </c>
      <c r="P14" s="1" t="s">
        <v>36</v>
      </c>
      <c r="Q14" s="1" t="s">
        <v>83</v>
      </c>
      <c r="R14" s="1" t="s">
        <v>44</v>
      </c>
      <c r="S14" s="1" t="s">
        <v>96</v>
      </c>
      <c r="T14" s="1" t="s">
        <v>40</v>
      </c>
      <c r="U14" s="1">
        <v>9.1999999999999993</v>
      </c>
      <c r="V14" s="1"/>
      <c r="W14" s="1"/>
      <c r="X14" s="1">
        <v>1.2</v>
      </c>
      <c r="Y14" s="1">
        <v>0.11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99</v>
      </c>
      <c r="BD14" s="1">
        <v>1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8.8999999999999996E-2</v>
      </c>
      <c r="BO14" s="1">
        <v>16</v>
      </c>
      <c r="BP14" s="1">
        <v>5.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6805555555555558</v>
      </c>
      <c r="C15" s="1" t="s">
        <v>375</v>
      </c>
      <c r="D15" s="1" t="s">
        <v>74</v>
      </c>
      <c r="E15" s="1" t="s">
        <v>28</v>
      </c>
      <c r="J15" s="1" t="s">
        <v>164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43</v>
      </c>
      <c r="AI15" s="1"/>
      <c r="AJ15" s="1"/>
      <c r="AK15" s="1"/>
      <c r="AL15" s="1"/>
      <c r="AM15" s="1"/>
      <c r="AN15" s="1"/>
      <c r="AO15" s="1"/>
      <c r="AQ15" s="1"/>
      <c r="AR15" s="1" t="s">
        <v>344</v>
      </c>
      <c r="AS15" s="1" t="s">
        <v>344</v>
      </c>
      <c r="AT15" s="1"/>
      <c r="AU15" s="1" t="s">
        <v>343</v>
      </c>
      <c r="AV15" s="1" t="s">
        <v>345</v>
      </c>
      <c r="AW15" s="1" t="s">
        <v>34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7</v>
      </c>
      <c r="B16" s="2">
        <v>0.3833333333333333</v>
      </c>
      <c r="C16" s="1" t="s">
        <v>332</v>
      </c>
      <c r="D16" s="1" t="s">
        <v>27</v>
      </c>
      <c r="E16" s="1" t="s">
        <v>28</v>
      </c>
      <c r="F16" s="1" t="s">
        <v>165</v>
      </c>
      <c r="G16" s="1" t="s">
        <v>166</v>
      </c>
      <c r="J16" s="1" t="s">
        <v>31</v>
      </c>
      <c r="K16" s="1" t="s">
        <v>167</v>
      </c>
      <c r="M16" s="1" t="s">
        <v>85</v>
      </c>
      <c r="N16" s="1" t="s">
        <v>34</v>
      </c>
      <c r="O16" s="1" t="s">
        <v>35</v>
      </c>
      <c r="P16" s="1" t="s">
        <v>36</v>
      </c>
      <c r="Q16" s="1" t="s">
        <v>91</v>
      </c>
      <c r="R16" s="1" t="s">
        <v>52</v>
      </c>
      <c r="S16" s="1" t="s">
        <v>168</v>
      </c>
      <c r="T16" s="1" t="s">
        <v>68</v>
      </c>
      <c r="U16" s="1">
        <v>13.1</v>
      </c>
      <c r="V16" s="3">
        <v>23</v>
      </c>
      <c r="W16" s="1"/>
      <c r="X16" s="1">
        <v>0.78</v>
      </c>
      <c r="Y16" s="1">
        <v>6.0999999999999999E-2</v>
      </c>
      <c r="Z16" s="1">
        <v>1.4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44</v>
      </c>
      <c r="BD16" s="1">
        <v>0.49</v>
      </c>
      <c r="BE16" s="1"/>
      <c r="BF16" s="1"/>
      <c r="BG16" s="1"/>
      <c r="BH16" s="1"/>
      <c r="BI16" s="1"/>
      <c r="BJ16" s="1"/>
      <c r="BK16" s="1"/>
      <c r="BL16" s="1"/>
      <c r="BM16" s="1" t="s">
        <v>359</v>
      </c>
      <c r="BN16" s="1">
        <v>6.0000000000000001E-3</v>
      </c>
      <c r="BO16" s="1">
        <v>12</v>
      </c>
      <c r="BP16" s="1">
        <v>3.6</v>
      </c>
      <c r="BQ16" s="1"/>
      <c r="BR16" s="1" t="s">
        <v>360</v>
      </c>
      <c r="BS16" s="1"/>
      <c r="BT16" s="1">
        <v>17</v>
      </c>
      <c r="BU16" s="1"/>
      <c r="BV16" s="1"/>
      <c r="BW16" s="1"/>
      <c r="BX16" s="1"/>
      <c r="BY16" s="1"/>
      <c r="BZ16" s="1"/>
    </row>
    <row r="17" spans="1:78" x14ac:dyDescent="0.15">
      <c r="B17" s="2">
        <v>0.3833333333333333</v>
      </c>
      <c r="C17" s="1" t="s">
        <v>333</v>
      </c>
      <c r="D17" s="1" t="s">
        <v>27</v>
      </c>
      <c r="E17" s="1" t="s">
        <v>28</v>
      </c>
      <c r="G17" s="1" t="s">
        <v>60</v>
      </c>
      <c r="J17" s="1" t="s">
        <v>144</v>
      </c>
      <c r="N17" s="1" t="s">
        <v>34</v>
      </c>
      <c r="P17" s="1" t="s">
        <v>36</v>
      </c>
      <c r="Q17" s="1" t="s">
        <v>51</v>
      </c>
      <c r="R17" s="1" t="s">
        <v>105</v>
      </c>
      <c r="S17" s="1" t="s">
        <v>57</v>
      </c>
      <c r="T17" s="1" t="s">
        <v>68</v>
      </c>
      <c r="U17" s="1">
        <v>10</v>
      </c>
      <c r="V17" s="1"/>
      <c r="W17" s="1"/>
      <c r="X17" s="1">
        <v>1</v>
      </c>
      <c r="Y17" s="1">
        <v>7.3999999999999996E-2</v>
      </c>
      <c r="Z17" s="1">
        <v>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93</v>
      </c>
      <c r="BD17" s="1">
        <v>0.98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6.4000000000000001E-2</v>
      </c>
      <c r="BO17" s="1">
        <v>15</v>
      </c>
      <c r="BP17" s="1">
        <v>4.4000000000000004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833333333333333</v>
      </c>
      <c r="C18" s="1" t="s">
        <v>375</v>
      </c>
      <c r="D18" s="1" t="s">
        <v>27</v>
      </c>
      <c r="E18" s="1" t="s">
        <v>28</v>
      </c>
      <c r="J18" s="1" t="s">
        <v>145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 t="s">
        <v>345</v>
      </c>
      <c r="AD18" s="1" t="s">
        <v>346</v>
      </c>
      <c r="AE18" s="1" t="s">
        <v>343</v>
      </c>
      <c r="AF18" s="1" t="s">
        <v>347</v>
      </c>
      <c r="AG18" s="1" t="s">
        <v>348</v>
      </c>
      <c r="AH18" s="1" t="s">
        <v>343</v>
      </c>
      <c r="AI18" s="1"/>
      <c r="AJ18" s="1"/>
      <c r="AK18" s="1" t="s">
        <v>344</v>
      </c>
      <c r="AL18" s="1" t="s">
        <v>344</v>
      </c>
      <c r="AM18" s="1" t="s">
        <v>344</v>
      </c>
      <c r="AN18" s="1" t="s">
        <v>344</v>
      </c>
      <c r="AO18" s="1" t="s">
        <v>344</v>
      </c>
      <c r="AP18" t="s">
        <v>344</v>
      </c>
      <c r="AQ18" s="1" t="s">
        <v>344</v>
      </c>
      <c r="AR18" s="1" t="s">
        <v>344</v>
      </c>
      <c r="AS18" s="1" t="s">
        <v>344</v>
      </c>
      <c r="AT18" s="1" t="s">
        <v>353</v>
      </c>
      <c r="AU18" s="1"/>
      <c r="AV18" s="1"/>
      <c r="AW18" s="1"/>
      <c r="AX18" s="1" t="s">
        <v>344</v>
      </c>
      <c r="AY18" s="1" t="s">
        <v>354</v>
      </c>
      <c r="AZ18" s="1" t="s">
        <v>355</v>
      </c>
      <c r="BA18" s="1" t="s">
        <v>347</v>
      </c>
      <c r="BB18" s="1"/>
      <c r="BC18" s="1"/>
      <c r="BD18" s="1"/>
      <c r="BE18" s="1" t="s">
        <v>348</v>
      </c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9</v>
      </c>
      <c r="B19" s="2">
        <v>0.37638888888888888</v>
      </c>
      <c r="C19" s="1" t="s">
        <v>332</v>
      </c>
      <c r="D19" s="1" t="s">
        <v>59</v>
      </c>
      <c r="E19" s="1" t="s">
        <v>334</v>
      </c>
      <c r="F19" s="1" t="s">
        <v>169</v>
      </c>
      <c r="G19" s="1" t="s">
        <v>170</v>
      </c>
      <c r="J19" s="1" t="s">
        <v>31</v>
      </c>
      <c r="K19" s="1" t="s">
        <v>171</v>
      </c>
      <c r="M19" s="1" t="s">
        <v>131</v>
      </c>
      <c r="N19" s="1" t="s">
        <v>34</v>
      </c>
      <c r="O19" s="1" t="s">
        <v>35</v>
      </c>
      <c r="P19" s="1" t="s">
        <v>36</v>
      </c>
      <c r="Q19" s="1" t="s">
        <v>43</v>
      </c>
      <c r="R19" s="1" t="s">
        <v>105</v>
      </c>
      <c r="S19" s="1" t="s">
        <v>52</v>
      </c>
      <c r="T19" s="1" t="s">
        <v>54</v>
      </c>
      <c r="U19" s="1">
        <v>9.3000000000000007</v>
      </c>
      <c r="V19" s="3">
        <v>170</v>
      </c>
      <c r="W19" s="1"/>
      <c r="X19" s="1">
        <v>0.91</v>
      </c>
      <c r="Y19" s="1">
        <v>6.0999999999999999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46</v>
      </c>
      <c r="BC19" s="1">
        <v>0.85</v>
      </c>
      <c r="BD19" s="1">
        <v>0.9</v>
      </c>
      <c r="BE19" s="1"/>
      <c r="BF19" s="1"/>
      <c r="BG19" s="1"/>
      <c r="BH19" s="1"/>
      <c r="BI19" s="1"/>
      <c r="BJ19" s="1"/>
      <c r="BK19" s="1"/>
      <c r="BL19" s="1"/>
      <c r="BM19" s="1" t="s">
        <v>359</v>
      </c>
      <c r="BN19" s="1">
        <v>4.9000000000000002E-2</v>
      </c>
      <c r="BO19" s="1">
        <v>17</v>
      </c>
      <c r="BP19" s="1">
        <v>3.9</v>
      </c>
      <c r="BQ19" s="1"/>
      <c r="BR19" s="1"/>
      <c r="BS19" s="1"/>
      <c r="BT19" s="1">
        <v>1</v>
      </c>
      <c r="BU19" s="1"/>
      <c r="BV19" s="1"/>
      <c r="BW19" s="1"/>
      <c r="BX19" s="1"/>
      <c r="BY19" s="1"/>
      <c r="BZ19" s="1"/>
    </row>
    <row r="20" spans="1:78" x14ac:dyDescent="0.15">
      <c r="B20" s="2">
        <v>0.37638888888888888</v>
      </c>
      <c r="C20" s="1" t="s">
        <v>333</v>
      </c>
      <c r="D20" s="1" t="s">
        <v>59</v>
      </c>
      <c r="E20" s="1" t="s">
        <v>334</v>
      </c>
      <c r="G20" s="1" t="s">
        <v>172</v>
      </c>
      <c r="J20" s="1" t="s">
        <v>30</v>
      </c>
      <c r="N20" s="1" t="s">
        <v>34</v>
      </c>
      <c r="P20" s="1" t="s">
        <v>36</v>
      </c>
      <c r="Q20" s="1" t="s">
        <v>43</v>
      </c>
      <c r="R20" s="1" t="s">
        <v>105</v>
      </c>
      <c r="S20" s="1" t="s">
        <v>77</v>
      </c>
      <c r="T20" s="1" t="s">
        <v>40</v>
      </c>
      <c r="U20" s="1">
        <v>9.4</v>
      </c>
      <c r="V20" s="1"/>
      <c r="W20" s="1"/>
      <c r="X20" s="1">
        <v>0.81</v>
      </c>
      <c r="Y20" s="1">
        <v>0.05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46</v>
      </c>
      <c r="BC20" s="1">
        <v>0.73</v>
      </c>
      <c r="BD20" s="1">
        <v>0.78</v>
      </c>
      <c r="BE20" s="1"/>
      <c r="BF20" s="1"/>
      <c r="BG20" s="1"/>
      <c r="BH20" s="1"/>
      <c r="BI20" s="1"/>
      <c r="BJ20" s="1"/>
      <c r="BK20" s="1"/>
      <c r="BL20" s="1"/>
      <c r="BM20" s="1" t="s">
        <v>359</v>
      </c>
      <c r="BN20" s="1">
        <v>0.04</v>
      </c>
      <c r="BO20" s="1">
        <v>13</v>
      </c>
      <c r="BP20" s="1">
        <v>3.4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7638888888888888</v>
      </c>
      <c r="C21" s="1" t="s">
        <v>375</v>
      </c>
      <c r="D21" s="1" t="s">
        <v>59</v>
      </c>
      <c r="E21" s="1" t="s">
        <v>334</v>
      </c>
      <c r="J21" s="1" t="s">
        <v>62</v>
      </c>
      <c r="N21" s="1" t="s">
        <v>34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43</v>
      </c>
      <c r="AI21" s="1"/>
      <c r="AJ21" s="1"/>
      <c r="AK21" s="1"/>
      <c r="AL21" s="1"/>
      <c r="AM21" s="1"/>
      <c r="AN21" s="1"/>
      <c r="AO21" s="1"/>
      <c r="AQ21" s="1"/>
      <c r="AR21" s="1" t="s">
        <v>344</v>
      </c>
      <c r="AS21" s="1" t="s">
        <v>34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7</v>
      </c>
      <c r="B22" s="2">
        <v>0.36458333333333331</v>
      </c>
      <c r="C22" s="1" t="s">
        <v>332</v>
      </c>
      <c r="D22" s="1" t="s">
        <v>27</v>
      </c>
      <c r="E22" s="1" t="s">
        <v>28</v>
      </c>
      <c r="F22" s="1" t="s">
        <v>173</v>
      </c>
      <c r="G22" s="1" t="s">
        <v>174</v>
      </c>
      <c r="J22" s="1" t="s">
        <v>31</v>
      </c>
      <c r="K22" s="1" t="s">
        <v>163</v>
      </c>
      <c r="M22" s="1" t="s">
        <v>156</v>
      </c>
      <c r="N22" s="1" t="s">
        <v>34</v>
      </c>
      <c r="O22" s="1" t="s">
        <v>35</v>
      </c>
      <c r="P22" s="1" t="s">
        <v>36</v>
      </c>
      <c r="Q22" s="1" t="s">
        <v>83</v>
      </c>
      <c r="R22" s="1" t="s">
        <v>122</v>
      </c>
      <c r="S22" s="1" t="s">
        <v>131</v>
      </c>
      <c r="T22" s="1" t="s">
        <v>54</v>
      </c>
      <c r="U22" s="1">
        <v>10.8</v>
      </c>
      <c r="V22" s="3">
        <v>79</v>
      </c>
      <c r="W22" s="1"/>
      <c r="X22" s="1">
        <v>1.2</v>
      </c>
      <c r="Y22" s="1">
        <v>7.0000000000000007E-2</v>
      </c>
      <c r="Z22" s="1">
        <v>1.6000000000000001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46</v>
      </c>
      <c r="BC22" s="1">
        <v>0.86</v>
      </c>
      <c r="BD22" s="1">
        <v>0.91</v>
      </c>
      <c r="BE22" s="1"/>
      <c r="BF22" s="1"/>
      <c r="BG22" s="1"/>
      <c r="BH22" s="1"/>
      <c r="BI22" s="1"/>
      <c r="BJ22" s="1"/>
      <c r="BK22" s="1"/>
      <c r="BL22" s="1"/>
      <c r="BM22" s="1">
        <v>0.04</v>
      </c>
      <c r="BN22" s="1">
        <v>3.5000000000000003E-2</v>
      </c>
      <c r="BO22" s="1">
        <v>16</v>
      </c>
      <c r="BP22" s="1">
        <v>4.2</v>
      </c>
      <c r="BQ22" s="1"/>
      <c r="BR22" s="1"/>
      <c r="BS22" s="1"/>
      <c r="BT22" s="1">
        <v>4.8</v>
      </c>
      <c r="BU22" s="1"/>
      <c r="BV22" s="1"/>
      <c r="BW22" s="1"/>
      <c r="BX22" s="1"/>
      <c r="BY22" s="1"/>
      <c r="BZ22" s="1"/>
    </row>
    <row r="23" spans="1:78" x14ac:dyDescent="0.15">
      <c r="B23" s="2">
        <v>0.36458333333333331</v>
      </c>
      <c r="C23" s="1" t="s">
        <v>333</v>
      </c>
      <c r="D23" s="1" t="s">
        <v>27</v>
      </c>
      <c r="E23" s="1" t="s">
        <v>28</v>
      </c>
      <c r="G23" s="1" t="s">
        <v>175</v>
      </c>
      <c r="J23" s="1" t="s">
        <v>176</v>
      </c>
      <c r="N23" s="1" t="s">
        <v>34</v>
      </c>
      <c r="P23" s="1" t="s">
        <v>36</v>
      </c>
      <c r="Q23" s="1" t="s">
        <v>83</v>
      </c>
      <c r="R23" s="1" t="s">
        <v>31</v>
      </c>
      <c r="S23" s="1" t="s">
        <v>38</v>
      </c>
      <c r="T23" s="1" t="s">
        <v>40</v>
      </c>
      <c r="U23" s="1">
        <v>10.5</v>
      </c>
      <c r="V23" s="1"/>
      <c r="W23" s="1"/>
      <c r="X23" s="1">
        <v>1</v>
      </c>
      <c r="Y23" s="1">
        <v>5.1999999999999998E-2</v>
      </c>
      <c r="Z23" s="1">
        <v>2.500000000000000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46</v>
      </c>
      <c r="BC23" s="1">
        <v>0.9</v>
      </c>
      <c r="BD23" s="1">
        <v>0.95</v>
      </c>
      <c r="BE23" s="1"/>
      <c r="BF23" s="1"/>
      <c r="BG23" s="1"/>
      <c r="BH23" s="1"/>
      <c r="BI23" s="1"/>
      <c r="BJ23" s="1"/>
      <c r="BK23" s="1"/>
      <c r="BL23" s="1"/>
      <c r="BM23" s="1" t="s">
        <v>359</v>
      </c>
      <c r="BN23" s="1">
        <v>0.04</v>
      </c>
      <c r="BO23" s="1">
        <v>15</v>
      </c>
      <c r="BP23" s="1">
        <v>4.0999999999999996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6458333333333331</v>
      </c>
      <c r="C24" s="1" t="s">
        <v>375</v>
      </c>
      <c r="D24" s="1" t="s">
        <v>27</v>
      </c>
      <c r="E24" s="1" t="s">
        <v>28</v>
      </c>
      <c r="J24" s="1" t="s">
        <v>118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43</v>
      </c>
      <c r="AI24" s="1"/>
      <c r="AJ24" s="1"/>
      <c r="AK24" s="1"/>
      <c r="AL24" s="1"/>
      <c r="AM24" s="1"/>
      <c r="AN24" s="1"/>
      <c r="AO24" s="1"/>
      <c r="AQ24" s="1"/>
      <c r="AR24" s="1" t="s">
        <v>344</v>
      </c>
      <c r="AS24" s="1" t="s">
        <v>34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5</v>
      </c>
      <c r="B25" s="2">
        <v>0.37083333333333335</v>
      </c>
      <c r="C25" s="1" t="s">
        <v>332</v>
      </c>
      <c r="D25" s="1" t="s">
        <v>59</v>
      </c>
      <c r="E25" s="1" t="s">
        <v>28</v>
      </c>
      <c r="F25" s="1" t="s">
        <v>171</v>
      </c>
      <c r="G25" s="1" t="s">
        <v>177</v>
      </c>
      <c r="J25" s="1" t="s">
        <v>31</v>
      </c>
      <c r="K25" s="1" t="s">
        <v>112</v>
      </c>
      <c r="M25" s="1" t="s">
        <v>39</v>
      </c>
      <c r="N25" s="1" t="s">
        <v>34</v>
      </c>
      <c r="O25" s="1" t="s">
        <v>64</v>
      </c>
      <c r="P25" s="1" t="s">
        <v>36</v>
      </c>
      <c r="Q25" s="1" t="s">
        <v>178</v>
      </c>
      <c r="R25" s="1" t="s">
        <v>133</v>
      </c>
      <c r="S25" s="1" t="s">
        <v>156</v>
      </c>
      <c r="T25" s="1" t="s">
        <v>54</v>
      </c>
      <c r="U25" s="1">
        <v>11.6</v>
      </c>
      <c r="V25" s="3">
        <v>130</v>
      </c>
      <c r="W25" s="1"/>
      <c r="X25" s="1">
        <v>1</v>
      </c>
      <c r="Y25" s="1">
        <v>8.2000000000000003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8</v>
      </c>
      <c r="BD25" s="1">
        <v>0.85</v>
      </c>
      <c r="BE25" s="1"/>
      <c r="BF25" s="1"/>
      <c r="BG25" s="1"/>
      <c r="BH25" s="1"/>
      <c r="BI25" s="1"/>
      <c r="BJ25" s="1"/>
      <c r="BK25" s="1"/>
      <c r="BL25" s="1"/>
      <c r="BM25" s="1" t="s">
        <v>359</v>
      </c>
      <c r="BN25" s="1">
        <v>3.4000000000000002E-2</v>
      </c>
      <c r="BO25" s="1">
        <v>18</v>
      </c>
      <c r="BP25" s="1">
        <v>4.8</v>
      </c>
      <c r="BQ25" s="1"/>
      <c r="BR25" s="1"/>
      <c r="BS25" s="1"/>
      <c r="BT25" s="1">
        <v>19</v>
      </c>
      <c r="BU25" s="1"/>
      <c r="BV25" s="1"/>
      <c r="BW25" s="1"/>
      <c r="BX25" s="1"/>
      <c r="BY25" s="1"/>
      <c r="BZ25" s="1"/>
    </row>
    <row r="26" spans="1:78" x14ac:dyDescent="0.15">
      <c r="B26" s="2">
        <v>0.37083333333333335</v>
      </c>
      <c r="C26" s="1" t="s">
        <v>333</v>
      </c>
      <c r="D26" s="1" t="s">
        <v>59</v>
      </c>
      <c r="E26" s="1" t="s">
        <v>28</v>
      </c>
      <c r="G26" s="1" t="s">
        <v>179</v>
      </c>
      <c r="J26" s="1" t="s">
        <v>142</v>
      </c>
      <c r="N26" s="1" t="s">
        <v>34</v>
      </c>
      <c r="P26" s="1" t="s">
        <v>36</v>
      </c>
      <c r="Q26" s="1" t="s">
        <v>51</v>
      </c>
      <c r="R26" s="1" t="s">
        <v>33</v>
      </c>
      <c r="S26" s="1" t="s">
        <v>45</v>
      </c>
      <c r="T26" s="1" t="s">
        <v>54</v>
      </c>
      <c r="U26" s="1">
        <v>9.1999999999999993</v>
      </c>
      <c r="V26" s="1"/>
      <c r="W26" s="1"/>
      <c r="X26" s="1">
        <v>1.2</v>
      </c>
      <c r="Y26" s="1">
        <v>0.1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1</v>
      </c>
      <c r="BD26" s="1">
        <v>1</v>
      </c>
      <c r="BE26" s="1"/>
      <c r="BF26" s="1"/>
      <c r="BG26" s="1"/>
      <c r="BH26" s="1"/>
      <c r="BI26" s="1"/>
      <c r="BJ26" s="1"/>
      <c r="BK26" s="1"/>
      <c r="BL26" s="1"/>
      <c r="BM26" s="1" t="s">
        <v>359</v>
      </c>
      <c r="BN26" s="1">
        <v>0.1</v>
      </c>
      <c r="BO26" s="1">
        <v>17</v>
      </c>
      <c r="BP26" s="1">
        <v>5.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7083333333333335</v>
      </c>
      <c r="C27" s="1" t="s">
        <v>375</v>
      </c>
      <c r="D27" s="1" t="s">
        <v>59</v>
      </c>
      <c r="E27" s="1" t="s">
        <v>28</v>
      </c>
      <c r="J27" s="1" t="s">
        <v>180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43</v>
      </c>
      <c r="AI27" s="1"/>
      <c r="AJ27" s="1"/>
      <c r="AK27" s="1"/>
      <c r="AL27" s="1"/>
      <c r="AM27" s="1"/>
      <c r="AN27" s="1"/>
      <c r="AO27" s="1"/>
      <c r="AQ27" s="1"/>
      <c r="AR27" s="1" t="s">
        <v>344</v>
      </c>
      <c r="AS27" s="1" t="s">
        <v>34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3611111111111111</v>
      </c>
      <c r="C28" s="1" t="s">
        <v>332</v>
      </c>
      <c r="D28" s="1" t="s">
        <v>59</v>
      </c>
      <c r="E28" s="1" t="s">
        <v>334</v>
      </c>
      <c r="F28" s="1" t="s">
        <v>181</v>
      </c>
      <c r="G28" s="1" t="s">
        <v>179</v>
      </c>
      <c r="J28" s="1" t="s">
        <v>31</v>
      </c>
      <c r="K28" s="1" t="s">
        <v>177</v>
      </c>
      <c r="M28" s="1" t="s">
        <v>90</v>
      </c>
      <c r="N28" s="1" t="s">
        <v>34</v>
      </c>
      <c r="O28" s="1" t="s">
        <v>35</v>
      </c>
      <c r="P28" s="1" t="s">
        <v>36</v>
      </c>
      <c r="Q28" s="1" t="s">
        <v>43</v>
      </c>
      <c r="R28" s="1" t="s">
        <v>130</v>
      </c>
      <c r="S28" s="1" t="s">
        <v>106</v>
      </c>
      <c r="T28" s="1" t="s">
        <v>54</v>
      </c>
      <c r="U28" s="1">
        <v>10.1</v>
      </c>
      <c r="V28" s="3">
        <v>23</v>
      </c>
      <c r="W28" s="1"/>
      <c r="X28" s="1">
        <v>1.2</v>
      </c>
      <c r="Y28" s="1">
        <v>0.11</v>
      </c>
      <c r="Z28" s="1">
        <v>4.1000000000000003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1</v>
      </c>
      <c r="BD28" s="1">
        <v>1</v>
      </c>
      <c r="BF28" s="1"/>
      <c r="BG28" s="1"/>
      <c r="BH28" s="1"/>
      <c r="BI28" s="1"/>
      <c r="BJ28" s="1"/>
      <c r="BK28" s="1"/>
      <c r="BL28" s="1"/>
      <c r="BM28" s="1" t="s">
        <v>359</v>
      </c>
      <c r="BN28" s="1">
        <v>0.1</v>
      </c>
      <c r="BO28" s="1">
        <v>16</v>
      </c>
      <c r="BP28" s="1">
        <v>7.1</v>
      </c>
      <c r="BQ28" s="1"/>
      <c r="BR28" s="1"/>
      <c r="BS28" s="1"/>
      <c r="BT28" s="1">
        <v>0.6</v>
      </c>
      <c r="BU28" s="1"/>
      <c r="BV28" s="1"/>
      <c r="BW28" s="1"/>
      <c r="BX28" s="1"/>
      <c r="BY28" s="1"/>
      <c r="BZ28" s="1"/>
    </row>
    <row r="29" spans="1:78" x14ac:dyDescent="0.15">
      <c r="B29" s="2">
        <v>0.3611111111111111</v>
      </c>
      <c r="C29" s="1" t="s">
        <v>333</v>
      </c>
      <c r="D29" s="1" t="s">
        <v>59</v>
      </c>
      <c r="E29" s="1" t="s">
        <v>334</v>
      </c>
      <c r="G29" s="1" t="s">
        <v>182</v>
      </c>
      <c r="J29" s="1" t="s">
        <v>117</v>
      </c>
      <c r="N29" s="1" t="s">
        <v>34</v>
      </c>
      <c r="P29" s="1" t="s">
        <v>36</v>
      </c>
      <c r="Q29" s="1" t="s">
        <v>37</v>
      </c>
      <c r="R29" s="1" t="s">
        <v>119</v>
      </c>
      <c r="S29" s="1" t="s">
        <v>39</v>
      </c>
      <c r="T29" s="1" t="s">
        <v>68</v>
      </c>
      <c r="U29" s="1">
        <v>9.9</v>
      </c>
      <c r="V29" s="1"/>
      <c r="W29" s="1"/>
      <c r="X29" s="1">
        <v>1</v>
      </c>
      <c r="Y29" s="1">
        <v>7.2999999999999995E-2</v>
      </c>
      <c r="Z29" s="1">
        <v>2.8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87</v>
      </c>
      <c r="BD29" s="1">
        <v>0.92</v>
      </c>
      <c r="BF29" s="1"/>
      <c r="BG29" s="1"/>
      <c r="BH29" s="1"/>
      <c r="BI29" s="1"/>
      <c r="BJ29" s="1"/>
      <c r="BK29" s="1"/>
      <c r="BL29" s="1"/>
      <c r="BM29" s="1" t="s">
        <v>359</v>
      </c>
      <c r="BN29" s="1">
        <v>5.1999999999999998E-2</v>
      </c>
      <c r="BO29" s="1">
        <v>16</v>
      </c>
      <c r="BP29" s="1">
        <v>5.6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611111111111111</v>
      </c>
      <c r="C30" s="1" t="s">
        <v>375</v>
      </c>
      <c r="D30" s="1" t="s">
        <v>59</v>
      </c>
      <c r="E30" s="1" t="s">
        <v>334</v>
      </c>
      <c r="J30" s="1" t="s">
        <v>104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43</v>
      </c>
      <c r="AI30" s="1"/>
      <c r="AJ30" s="1"/>
      <c r="AK30" s="1"/>
      <c r="AL30" s="1"/>
      <c r="AM30" s="1"/>
      <c r="AN30" s="1"/>
      <c r="AO30" s="1"/>
      <c r="AQ30" s="1"/>
      <c r="AR30" s="1" t="s">
        <v>344</v>
      </c>
      <c r="AS30" s="1" t="s">
        <v>34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37777777777777777</v>
      </c>
      <c r="C31" s="1" t="s">
        <v>332</v>
      </c>
      <c r="D31" s="1" t="s">
        <v>27</v>
      </c>
      <c r="E31" s="1" t="s">
        <v>28</v>
      </c>
      <c r="F31" s="1" t="s">
        <v>134</v>
      </c>
      <c r="G31" s="1" t="s">
        <v>83</v>
      </c>
      <c r="J31" s="1" t="s">
        <v>31</v>
      </c>
      <c r="K31" s="1" t="s">
        <v>183</v>
      </c>
      <c r="M31" s="1" t="s">
        <v>72</v>
      </c>
      <c r="N31" s="1" t="s">
        <v>34</v>
      </c>
      <c r="O31" s="1" t="s">
        <v>35</v>
      </c>
      <c r="P31" s="1" t="s">
        <v>36</v>
      </c>
      <c r="Q31" s="1" t="s">
        <v>43</v>
      </c>
      <c r="R31" s="1" t="s">
        <v>130</v>
      </c>
      <c r="S31" s="1" t="s">
        <v>106</v>
      </c>
      <c r="T31" s="1" t="s">
        <v>54</v>
      </c>
      <c r="U31" s="1">
        <v>11</v>
      </c>
      <c r="V31" s="3">
        <v>790</v>
      </c>
      <c r="W31" s="1"/>
      <c r="X31" s="1">
        <v>1.3</v>
      </c>
      <c r="Y31" s="1">
        <v>0.11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1.1000000000000001</v>
      </c>
      <c r="BD31" s="1">
        <v>1.1000000000000001</v>
      </c>
      <c r="BF31" s="1"/>
      <c r="BG31" s="1"/>
      <c r="BH31" s="1"/>
      <c r="BI31" s="1"/>
      <c r="BJ31" s="1"/>
      <c r="BK31" s="1"/>
      <c r="BL31" s="1"/>
      <c r="BM31" s="1" t="s">
        <v>359</v>
      </c>
      <c r="BN31" s="1">
        <v>0.11</v>
      </c>
      <c r="BO31" s="1">
        <v>17</v>
      </c>
      <c r="BP31" s="1">
        <v>5.3</v>
      </c>
      <c r="BQ31" s="1"/>
      <c r="BR31" s="1"/>
      <c r="BS31" s="1"/>
      <c r="BT31" s="1">
        <v>0.8</v>
      </c>
      <c r="BU31" s="1"/>
      <c r="BV31" s="1"/>
      <c r="BW31" s="1"/>
      <c r="BX31" s="1"/>
      <c r="BY31" s="1"/>
      <c r="BZ31" s="1"/>
    </row>
    <row r="32" spans="1:78" x14ac:dyDescent="0.15">
      <c r="B32" s="2">
        <v>0.37777777777777777</v>
      </c>
      <c r="C32" s="1" t="s">
        <v>333</v>
      </c>
      <c r="D32" s="1" t="s">
        <v>27</v>
      </c>
      <c r="E32" s="1" t="s">
        <v>28</v>
      </c>
      <c r="G32" s="1" t="s">
        <v>145</v>
      </c>
      <c r="J32" s="1" t="s">
        <v>184</v>
      </c>
      <c r="N32" s="1" t="s">
        <v>34</v>
      </c>
      <c r="P32" s="1" t="s">
        <v>36</v>
      </c>
      <c r="Q32" s="1" t="s">
        <v>51</v>
      </c>
      <c r="R32" s="1" t="s">
        <v>31</v>
      </c>
      <c r="S32" s="1" t="s">
        <v>106</v>
      </c>
      <c r="T32" s="1" t="s">
        <v>68</v>
      </c>
      <c r="U32" s="1">
        <v>11.8</v>
      </c>
      <c r="V32" s="1"/>
      <c r="W32" s="1"/>
      <c r="X32" s="1">
        <v>1.2</v>
      </c>
      <c r="Y32" s="1">
        <v>9.0999999999999998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</v>
      </c>
      <c r="BD32" s="1">
        <v>1</v>
      </c>
      <c r="BF32" s="1"/>
      <c r="BG32" s="1"/>
      <c r="BH32" s="1"/>
      <c r="BI32" s="1"/>
      <c r="BJ32" s="1"/>
      <c r="BK32" s="1"/>
      <c r="BL32" s="1"/>
      <c r="BM32" s="1" t="s">
        <v>359</v>
      </c>
      <c r="BN32" s="1">
        <v>8.5999999999999993E-2</v>
      </c>
      <c r="BO32" s="1">
        <v>16</v>
      </c>
      <c r="BP32" s="1">
        <v>6.6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7777777777777777</v>
      </c>
      <c r="C33" s="1" t="s">
        <v>375</v>
      </c>
      <c r="D33" s="1" t="s">
        <v>27</v>
      </c>
      <c r="E33" s="1" t="s">
        <v>28</v>
      </c>
      <c r="J33" s="1" t="s">
        <v>185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43</v>
      </c>
      <c r="AI33" s="1"/>
      <c r="AJ33" s="1"/>
      <c r="AK33" s="1"/>
      <c r="AL33" s="1"/>
      <c r="AM33" s="1"/>
      <c r="AN33" s="1"/>
      <c r="AO33" s="1"/>
      <c r="AQ33" s="1"/>
      <c r="AR33" s="1" t="s">
        <v>344</v>
      </c>
      <c r="AS33" s="1" t="s">
        <v>34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5</v>
      </c>
      <c r="B34" s="2">
        <v>0.37638888888888888</v>
      </c>
      <c r="C34" s="1" t="s">
        <v>332</v>
      </c>
      <c r="D34" s="1" t="s">
        <v>27</v>
      </c>
      <c r="E34" s="1" t="s">
        <v>334</v>
      </c>
      <c r="F34" s="1" t="s">
        <v>186</v>
      </c>
      <c r="G34" s="1" t="s">
        <v>139</v>
      </c>
      <c r="J34" s="1" t="s">
        <v>31</v>
      </c>
      <c r="K34" s="1" t="s">
        <v>187</v>
      </c>
      <c r="M34" s="1" t="s">
        <v>133</v>
      </c>
      <c r="N34" s="1" t="s">
        <v>34</v>
      </c>
      <c r="O34" s="1" t="s">
        <v>35</v>
      </c>
      <c r="P34" s="1" t="s">
        <v>36</v>
      </c>
      <c r="Q34" s="1" t="s">
        <v>43</v>
      </c>
      <c r="R34" s="1" t="s">
        <v>130</v>
      </c>
      <c r="S34" s="1" t="s">
        <v>77</v>
      </c>
      <c r="T34" s="1" t="s">
        <v>40</v>
      </c>
      <c r="U34" s="1">
        <v>12.4</v>
      </c>
      <c r="V34" s="3">
        <v>1700</v>
      </c>
      <c r="W34" s="1"/>
      <c r="X34" s="1">
        <v>1.2</v>
      </c>
      <c r="Y34" s="1">
        <v>0.13</v>
      </c>
      <c r="Z34" s="1">
        <v>2.3999999999999998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1.1000000000000001</v>
      </c>
      <c r="BD34" s="1">
        <v>1.1000000000000001</v>
      </c>
      <c r="BF34" s="1"/>
      <c r="BG34" s="1"/>
      <c r="BH34" s="1"/>
      <c r="BI34" s="1"/>
      <c r="BJ34" s="1"/>
      <c r="BK34" s="1"/>
      <c r="BL34" s="1"/>
      <c r="BM34" s="1" t="s">
        <v>359</v>
      </c>
      <c r="BN34" s="1">
        <v>0.1</v>
      </c>
      <c r="BO34" s="1">
        <v>19</v>
      </c>
      <c r="BP34" s="1">
        <v>7.2</v>
      </c>
      <c r="BQ34" s="1"/>
      <c r="BR34" s="1" t="s">
        <v>360</v>
      </c>
      <c r="BS34" s="1"/>
      <c r="BT34" s="1">
        <v>0.7</v>
      </c>
      <c r="BU34" s="1"/>
      <c r="BV34" s="1"/>
      <c r="BW34" s="1"/>
      <c r="BX34" s="1"/>
      <c r="BY34" s="1"/>
      <c r="BZ34" s="1"/>
    </row>
    <row r="35" spans="1:78" x14ac:dyDescent="0.15">
      <c r="B35" s="2">
        <v>0.37638888888888888</v>
      </c>
      <c r="C35" s="1" t="s">
        <v>333</v>
      </c>
      <c r="D35" s="1" t="s">
        <v>27</v>
      </c>
      <c r="E35" s="1" t="s">
        <v>334</v>
      </c>
      <c r="G35" s="1" t="s">
        <v>83</v>
      </c>
      <c r="J35" s="1" t="s">
        <v>188</v>
      </c>
      <c r="N35" s="1" t="s">
        <v>34</v>
      </c>
      <c r="P35" s="1" t="s">
        <v>36</v>
      </c>
      <c r="Q35" s="1" t="s">
        <v>51</v>
      </c>
      <c r="R35" s="1" t="s">
        <v>189</v>
      </c>
      <c r="S35" s="1" t="s">
        <v>92</v>
      </c>
      <c r="T35" s="1" t="s">
        <v>68</v>
      </c>
      <c r="U35" s="1">
        <v>10.6</v>
      </c>
      <c r="V35" s="1"/>
      <c r="W35" s="1"/>
      <c r="X35" s="1">
        <v>1</v>
      </c>
      <c r="Y35" s="1">
        <v>7.6999999999999999E-2</v>
      </c>
      <c r="Z35" s="1">
        <v>1.600000000000000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93</v>
      </c>
      <c r="BD35" s="1">
        <v>0.98</v>
      </c>
      <c r="BF35" s="1"/>
      <c r="BG35" s="1"/>
      <c r="BH35" s="1"/>
      <c r="BI35" s="1"/>
      <c r="BJ35" s="1"/>
      <c r="BK35" s="1"/>
      <c r="BL35" s="1"/>
      <c r="BM35" s="1" t="s">
        <v>359</v>
      </c>
      <c r="BN35" s="1">
        <v>6.2E-2</v>
      </c>
      <c r="BO35" s="1">
        <v>19</v>
      </c>
      <c r="BP35" s="1">
        <v>5.3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7638888888888888</v>
      </c>
      <c r="C36" s="1" t="s">
        <v>375</v>
      </c>
      <c r="D36" s="1" t="s">
        <v>27</v>
      </c>
      <c r="E36" s="1" t="s">
        <v>334</v>
      </c>
      <c r="J36" s="1" t="s">
        <v>134</v>
      </c>
      <c r="N36" s="1" t="s">
        <v>34</v>
      </c>
      <c r="U36" s="1"/>
      <c r="V36" s="1"/>
      <c r="W36" s="1"/>
      <c r="X36" s="1"/>
      <c r="Y36" s="1"/>
      <c r="Z36" s="1"/>
      <c r="AC36" s="1" t="s">
        <v>345</v>
      </c>
      <c r="AD36" s="1" t="s">
        <v>346</v>
      </c>
      <c r="AE36" s="1" t="s">
        <v>343</v>
      </c>
      <c r="AF36" s="1" t="s">
        <v>347</v>
      </c>
      <c r="AG36" s="1" t="s">
        <v>348</v>
      </c>
      <c r="AH36" s="1" t="s">
        <v>343</v>
      </c>
      <c r="AI36" s="1"/>
      <c r="AJ36" s="1"/>
      <c r="AK36" s="1" t="s">
        <v>344</v>
      </c>
      <c r="AL36" s="1" t="s">
        <v>344</v>
      </c>
      <c r="AM36" s="1" t="s">
        <v>344</v>
      </c>
      <c r="AN36" s="1" t="s">
        <v>344</v>
      </c>
      <c r="AO36" s="1" t="s">
        <v>344</v>
      </c>
      <c r="AP36" t="s">
        <v>344</v>
      </c>
      <c r="AQ36" s="1" t="s">
        <v>344</v>
      </c>
      <c r="AR36" s="1" t="s">
        <v>344</v>
      </c>
      <c r="AS36" s="1" t="s">
        <v>344</v>
      </c>
      <c r="AT36" s="1" t="s">
        <v>353</v>
      </c>
      <c r="AU36" s="1"/>
      <c r="AV36" s="1"/>
      <c r="AW36" s="1"/>
      <c r="AX36" s="1" t="s">
        <v>344</v>
      </c>
      <c r="AY36" s="1" t="s">
        <v>354</v>
      </c>
      <c r="AZ36" s="1">
        <v>0.08</v>
      </c>
      <c r="BA36" s="1" t="s">
        <v>347</v>
      </c>
      <c r="BB36" s="1"/>
      <c r="BC36" s="1"/>
      <c r="BD36" s="1"/>
      <c r="BE36" t="s">
        <v>348</v>
      </c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7</v>
      </c>
      <c r="B37" s="2">
        <v>0.36944444444444446</v>
      </c>
      <c r="C37" s="1" t="s">
        <v>332</v>
      </c>
      <c r="D37" s="1" t="s">
        <v>59</v>
      </c>
      <c r="E37" s="1" t="s">
        <v>334</v>
      </c>
      <c r="F37" s="1" t="s">
        <v>182</v>
      </c>
      <c r="G37" s="1" t="s">
        <v>190</v>
      </c>
      <c r="J37" s="1" t="s">
        <v>31</v>
      </c>
      <c r="K37" s="1" t="s">
        <v>138</v>
      </c>
      <c r="M37" s="1" t="s">
        <v>106</v>
      </c>
      <c r="N37" s="1" t="s">
        <v>34</v>
      </c>
      <c r="O37" s="1" t="s">
        <v>35</v>
      </c>
      <c r="P37" s="1" t="s">
        <v>36</v>
      </c>
      <c r="Q37" s="1" t="s">
        <v>37</v>
      </c>
      <c r="R37" s="1" t="s">
        <v>189</v>
      </c>
      <c r="S37" s="1" t="s">
        <v>39</v>
      </c>
      <c r="T37" s="1" t="s">
        <v>191</v>
      </c>
      <c r="U37" s="1">
        <v>10.8</v>
      </c>
      <c r="V37" s="3">
        <v>1300</v>
      </c>
      <c r="W37" s="1"/>
      <c r="X37" s="1">
        <v>1.3</v>
      </c>
      <c r="Y37" s="1">
        <v>0.1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1.1000000000000001</v>
      </c>
      <c r="BD37" s="1">
        <v>1.1000000000000001</v>
      </c>
      <c r="BF37" s="1"/>
      <c r="BG37" s="1"/>
      <c r="BH37" s="1"/>
      <c r="BI37" s="1"/>
      <c r="BJ37" s="1"/>
      <c r="BK37" s="1"/>
      <c r="BL37" s="1"/>
      <c r="BM37" s="1" t="s">
        <v>359</v>
      </c>
      <c r="BN37" s="1">
        <v>9.6000000000000002E-2</v>
      </c>
      <c r="BO37" s="1">
        <v>16</v>
      </c>
      <c r="BP37" s="1">
        <v>6.3</v>
      </c>
      <c r="BQ37" s="1"/>
      <c r="BR37" s="1"/>
      <c r="BS37" s="1"/>
      <c r="BT37" s="1">
        <v>1.1000000000000001</v>
      </c>
      <c r="BU37" s="1"/>
      <c r="BV37" s="1"/>
      <c r="BW37" s="1"/>
      <c r="BX37" s="1"/>
      <c r="BY37" s="1"/>
      <c r="BZ37" s="1"/>
    </row>
    <row r="38" spans="1:78" x14ac:dyDescent="0.15">
      <c r="B38" s="2">
        <v>0.36944444444444446</v>
      </c>
      <c r="C38" s="1" t="s">
        <v>333</v>
      </c>
      <c r="D38" s="1" t="s">
        <v>59</v>
      </c>
      <c r="E38" s="1" t="s">
        <v>334</v>
      </c>
      <c r="G38" s="1" t="s">
        <v>192</v>
      </c>
      <c r="J38" s="1" t="s">
        <v>128</v>
      </c>
      <c r="N38" s="1" t="s">
        <v>34</v>
      </c>
      <c r="P38" s="1" t="s">
        <v>36</v>
      </c>
      <c r="Q38" s="1" t="s">
        <v>37</v>
      </c>
      <c r="R38" s="1" t="s">
        <v>44</v>
      </c>
      <c r="S38" s="1" t="s">
        <v>96</v>
      </c>
      <c r="T38" s="1" t="s">
        <v>191</v>
      </c>
      <c r="U38" s="1">
        <v>10.9</v>
      </c>
      <c r="V38" s="1"/>
      <c r="W38" s="1"/>
      <c r="X38" s="1">
        <v>1.2</v>
      </c>
      <c r="Y38" s="1">
        <v>7.8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1</v>
      </c>
      <c r="BD38" s="1">
        <v>1</v>
      </c>
      <c r="BF38" s="1"/>
      <c r="BG38" s="1"/>
      <c r="BH38" s="1"/>
      <c r="BI38" s="1"/>
      <c r="BJ38" s="1"/>
      <c r="BK38" s="1"/>
      <c r="BL38" s="1"/>
      <c r="BM38" s="1" t="s">
        <v>359</v>
      </c>
      <c r="BN38" s="1">
        <v>5.1999999999999998E-2</v>
      </c>
      <c r="BO38" s="1">
        <v>15</v>
      </c>
      <c r="BP38" s="1">
        <v>5.8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36944444444444446</v>
      </c>
      <c r="C39" s="1" t="s">
        <v>375</v>
      </c>
      <c r="D39" s="1" t="s">
        <v>59</v>
      </c>
      <c r="E39" s="1" t="s">
        <v>334</v>
      </c>
      <c r="J39" s="1" t="s">
        <v>193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43</v>
      </c>
      <c r="AI39" s="1"/>
      <c r="AJ39" s="1"/>
      <c r="AK39" s="1"/>
      <c r="AL39" s="1"/>
      <c r="AM39" s="1"/>
      <c r="AN39" s="1"/>
      <c r="AO39" s="1"/>
      <c r="AQ39" s="1"/>
      <c r="AR39" s="1" t="s">
        <v>344</v>
      </c>
      <c r="AS39" s="1" t="s">
        <v>344</v>
      </c>
      <c r="AT39" s="1"/>
      <c r="AU39" s="1" t="s">
        <v>343</v>
      </c>
      <c r="AV39" s="1" t="s">
        <v>345</v>
      </c>
      <c r="AW39" s="1" t="s">
        <v>34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2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21</v>
      </c>
      <c r="C1" s="1" t="s">
        <v>1</v>
      </c>
      <c r="D1" s="1" t="s">
        <v>336</v>
      </c>
      <c r="E1" s="1" t="s">
        <v>2</v>
      </c>
      <c r="F1" s="1" t="s">
        <v>323</v>
      </c>
      <c r="G1" s="1" t="s">
        <v>3</v>
      </c>
      <c r="H1" s="1" t="s">
        <v>32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25</v>
      </c>
      <c r="V2" s="1" t="s">
        <v>274</v>
      </c>
      <c r="W2" s="1" t="s">
        <v>339</v>
      </c>
      <c r="X2" s="1" t="s">
        <v>275</v>
      </c>
      <c r="Y2" s="1" t="s">
        <v>276</v>
      </c>
      <c r="Z2" s="1" t="s">
        <v>277</v>
      </c>
      <c r="AA2" s="1" t="s">
        <v>366</v>
      </c>
      <c r="AB2" s="1" t="s">
        <v>374</v>
      </c>
      <c r="AC2" s="1" t="s">
        <v>278</v>
      </c>
      <c r="AD2" s="1" t="s">
        <v>279</v>
      </c>
      <c r="AE2" s="1" t="s">
        <v>340</v>
      </c>
      <c r="AF2" s="1" t="s">
        <v>280</v>
      </c>
      <c r="AG2" s="1" t="s">
        <v>281</v>
      </c>
      <c r="AH2" s="1" t="s">
        <v>282</v>
      </c>
      <c r="AI2" s="1" t="s">
        <v>283</v>
      </c>
      <c r="AJ2" s="1" t="s">
        <v>284</v>
      </c>
      <c r="AK2" s="1" t="s">
        <v>285</v>
      </c>
      <c r="AL2" s="1" t="s">
        <v>286</v>
      </c>
      <c r="AM2" s="1" t="s">
        <v>287</v>
      </c>
      <c r="AN2" s="1" t="s">
        <v>288</v>
      </c>
      <c r="AO2" s="1" t="s">
        <v>289</v>
      </c>
      <c r="AP2" t="s">
        <v>362</v>
      </c>
      <c r="AQ2" s="1" t="s">
        <v>290</v>
      </c>
      <c r="AR2" s="1" t="s">
        <v>291</v>
      </c>
      <c r="AS2" s="1" t="s">
        <v>292</v>
      </c>
      <c r="AT2" s="1" t="s">
        <v>350</v>
      </c>
      <c r="AU2" s="1" t="s">
        <v>293</v>
      </c>
      <c r="AV2" s="1" t="s">
        <v>294</v>
      </c>
      <c r="AW2" s="1" t="s">
        <v>295</v>
      </c>
      <c r="AX2" s="1" t="s">
        <v>296</v>
      </c>
      <c r="AY2" s="1" t="s">
        <v>297</v>
      </c>
      <c r="AZ2" s="1" t="s">
        <v>298</v>
      </c>
      <c r="BA2" s="1" t="s">
        <v>299</v>
      </c>
      <c r="BB2" s="1" t="s">
        <v>300</v>
      </c>
      <c r="BC2" s="1" t="s">
        <v>301</v>
      </c>
      <c r="BD2" s="1" t="s">
        <v>302</v>
      </c>
      <c r="BE2" s="1" t="s">
        <v>371</v>
      </c>
      <c r="BF2" s="1" t="s">
        <v>303</v>
      </c>
      <c r="BG2" s="1" t="s">
        <v>351</v>
      </c>
      <c r="BH2" s="1" t="s">
        <v>352</v>
      </c>
      <c r="BI2" s="1" t="s">
        <v>304</v>
      </c>
      <c r="BJ2" s="1" t="s">
        <v>305</v>
      </c>
      <c r="BK2" s="1" t="s">
        <v>306</v>
      </c>
      <c r="BL2" s="1" t="s">
        <v>307</v>
      </c>
      <c r="BM2" s="1" t="s">
        <v>308</v>
      </c>
      <c r="BN2" s="1" t="s">
        <v>309</v>
      </c>
      <c r="BO2" s="1" t="s">
        <v>310</v>
      </c>
      <c r="BP2" s="1" t="s">
        <v>311</v>
      </c>
      <c r="BQ2" s="1" t="s">
        <v>312</v>
      </c>
      <c r="BR2" s="1" t="s">
        <v>313</v>
      </c>
      <c r="BS2" s="1" t="s">
        <v>314</v>
      </c>
      <c r="BT2" s="1" t="s">
        <v>315</v>
      </c>
      <c r="BU2" s="1" t="s">
        <v>316</v>
      </c>
      <c r="BV2" s="1" t="s">
        <v>317</v>
      </c>
      <c r="BW2" s="1" t="s">
        <v>318</v>
      </c>
      <c r="BX2" s="1" t="s">
        <v>319</v>
      </c>
      <c r="BY2" s="1" t="s">
        <v>320</v>
      </c>
      <c r="BZ2" s="1" t="s">
        <v>356</v>
      </c>
    </row>
    <row r="3" spans="1:78" x14ac:dyDescent="0.15">
      <c r="A3" s="1" t="s">
        <v>326</v>
      </c>
      <c r="B3" s="1" t="s">
        <v>327</v>
      </c>
      <c r="C3" s="1"/>
      <c r="D3" s="1"/>
      <c r="E3" s="1"/>
      <c r="F3" s="1" t="s">
        <v>328</v>
      </c>
      <c r="G3" s="1" t="s">
        <v>328</v>
      </c>
      <c r="H3" s="1" t="s">
        <v>329</v>
      </c>
      <c r="I3" s="1" t="s">
        <v>24</v>
      </c>
      <c r="J3" s="1" t="s">
        <v>330</v>
      </c>
      <c r="K3" s="1" t="s">
        <v>330</v>
      </c>
      <c r="L3" s="1" t="s">
        <v>331</v>
      </c>
      <c r="M3" s="1" t="s">
        <v>330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4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57</v>
      </c>
      <c r="BP3" s="1" t="s">
        <v>25</v>
      </c>
      <c r="BQ3" s="1" t="s">
        <v>358</v>
      </c>
      <c r="BR3" s="1" t="s">
        <v>25</v>
      </c>
      <c r="BS3" s="1" t="s">
        <v>25</v>
      </c>
      <c r="BT3" s="1" t="s">
        <v>36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9374999999999999</v>
      </c>
      <c r="C4" s="1" t="s">
        <v>332</v>
      </c>
      <c r="D4" s="1" t="s">
        <v>27</v>
      </c>
      <c r="E4" s="1" t="s">
        <v>28</v>
      </c>
      <c r="F4" s="1" t="s">
        <v>194</v>
      </c>
      <c r="G4" s="1" t="s">
        <v>195</v>
      </c>
      <c r="J4" s="1" t="s">
        <v>31</v>
      </c>
      <c r="K4" s="1" t="s">
        <v>177</v>
      </c>
      <c r="M4" s="1" t="s">
        <v>77</v>
      </c>
      <c r="N4" s="1" t="s">
        <v>34</v>
      </c>
      <c r="O4" s="1" t="s">
        <v>35</v>
      </c>
      <c r="P4" s="1" t="s">
        <v>36</v>
      </c>
      <c r="Q4" s="1" t="s">
        <v>43</v>
      </c>
      <c r="R4" s="1" t="s">
        <v>106</v>
      </c>
      <c r="S4" s="1" t="s">
        <v>84</v>
      </c>
      <c r="T4" s="1" t="s">
        <v>54</v>
      </c>
      <c r="U4" s="1">
        <v>10.3</v>
      </c>
      <c r="V4" s="3">
        <v>220</v>
      </c>
      <c r="W4" s="1"/>
      <c r="X4" s="1">
        <v>0.94</v>
      </c>
      <c r="Y4" s="1">
        <v>7.4999999999999997E-2</v>
      </c>
      <c r="Z4" s="1">
        <v>4.7999999999999996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79</v>
      </c>
      <c r="BD4" s="1">
        <v>0.84</v>
      </c>
      <c r="BE4" s="1"/>
      <c r="BF4" s="1"/>
      <c r="BG4" s="1"/>
      <c r="BH4" s="1"/>
      <c r="BI4" s="1"/>
      <c r="BJ4" s="1"/>
      <c r="BK4" s="1"/>
      <c r="BL4" s="1"/>
      <c r="BM4" s="1" t="s">
        <v>359</v>
      </c>
      <c r="BN4" s="1">
        <v>4.2000000000000003E-2</v>
      </c>
      <c r="BO4" s="1">
        <v>14</v>
      </c>
      <c r="BP4" s="1">
        <v>6.1</v>
      </c>
      <c r="BQ4" s="1"/>
      <c r="BR4" s="1"/>
      <c r="BS4" s="1"/>
      <c r="BT4" s="1">
        <v>5.5</v>
      </c>
      <c r="BU4" s="1"/>
      <c r="BV4" s="1"/>
      <c r="BW4" s="1"/>
      <c r="BX4" s="1"/>
      <c r="BY4" s="1"/>
      <c r="BZ4" s="1"/>
    </row>
    <row r="5" spans="1:78" x14ac:dyDescent="0.15">
      <c r="B5" s="2">
        <v>0.39374999999999999</v>
      </c>
      <c r="C5" s="1" t="s">
        <v>333</v>
      </c>
      <c r="D5" s="1" t="s">
        <v>27</v>
      </c>
      <c r="E5" s="1" t="s">
        <v>28</v>
      </c>
      <c r="G5" s="1" t="s">
        <v>171</v>
      </c>
      <c r="J5" s="1" t="s">
        <v>117</v>
      </c>
      <c r="N5" s="1" t="s">
        <v>34</v>
      </c>
      <c r="P5" s="1" t="s">
        <v>36</v>
      </c>
      <c r="Q5" s="1" t="s">
        <v>43</v>
      </c>
      <c r="R5" s="1" t="s">
        <v>52</v>
      </c>
      <c r="S5" s="1" t="s">
        <v>84</v>
      </c>
      <c r="T5" s="1" t="s">
        <v>40</v>
      </c>
      <c r="U5" s="1">
        <v>10.199999999999999</v>
      </c>
      <c r="V5" s="1"/>
      <c r="W5" s="1"/>
      <c r="X5" s="1">
        <v>0.93</v>
      </c>
      <c r="Y5" s="1">
        <v>8.7999999999999995E-2</v>
      </c>
      <c r="Z5" s="1">
        <v>5.7999999999999996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2</v>
      </c>
      <c r="BC5" s="1">
        <v>0.81</v>
      </c>
      <c r="BD5" s="1">
        <v>0.86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5.5E-2</v>
      </c>
      <c r="BO5" s="1">
        <v>15</v>
      </c>
      <c r="BP5" s="1">
        <v>6.1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9374999999999999</v>
      </c>
      <c r="C6" s="1" t="s">
        <v>375</v>
      </c>
      <c r="D6" s="1" t="s">
        <v>27</v>
      </c>
      <c r="E6" s="1" t="s">
        <v>28</v>
      </c>
      <c r="J6" s="1" t="s">
        <v>104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43</v>
      </c>
      <c r="AI6" s="1"/>
      <c r="AJ6" s="1"/>
      <c r="AK6" s="1"/>
      <c r="AL6" s="1"/>
      <c r="AM6" s="1"/>
      <c r="AN6" s="1"/>
      <c r="AO6" s="1"/>
      <c r="AQ6" s="1"/>
      <c r="AR6" s="1" t="s">
        <v>344</v>
      </c>
      <c r="AS6" s="1" t="s">
        <v>34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7</v>
      </c>
      <c r="B7" s="2">
        <v>0.3888888888888889</v>
      </c>
      <c r="C7" s="1" t="s">
        <v>332</v>
      </c>
      <c r="D7" s="1" t="s">
        <v>27</v>
      </c>
      <c r="E7" s="1" t="s">
        <v>334</v>
      </c>
      <c r="F7" s="1" t="s">
        <v>196</v>
      </c>
      <c r="G7" s="1" t="s">
        <v>197</v>
      </c>
      <c r="J7" s="1" t="s">
        <v>31</v>
      </c>
      <c r="K7" s="1" t="s">
        <v>125</v>
      </c>
      <c r="M7" s="1" t="s">
        <v>122</v>
      </c>
      <c r="N7" s="1" t="s">
        <v>34</v>
      </c>
      <c r="O7" s="1" t="s">
        <v>35</v>
      </c>
      <c r="P7" s="1" t="s">
        <v>36</v>
      </c>
      <c r="Q7" s="1" t="s">
        <v>78</v>
      </c>
      <c r="R7" s="1" t="s">
        <v>77</v>
      </c>
      <c r="S7" s="1" t="s">
        <v>96</v>
      </c>
      <c r="T7" s="1" t="s">
        <v>54</v>
      </c>
      <c r="U7" s="1">
        <v>11.9</v>
      </c>
      <c r="V7" s="3">
        <v>8</v>
      </c>
      <c r="W7" s="1"/>
      <c r="X7" s="1">
        <v>0.81</v>
      </c>
      <c r="Y7" s="1">
        <v>6.2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49</v>
      </c>
      <c r="BD7" s="1">
        <v>0.54</v>
      </c>
      <c r="BE7" s="1"/>
      <c r="BF7" s="1"/>
      <c r="BG7" s="1"/>
      <c r="BH7" s="1"/>
      <c r="BI7" s="1"/>
      <c r="BJ7" s="1"/>
      <c r="BK7" s="1"/>
      <c r="BL7" s="1"/>
      <c r="BM7" s="1" t="s">
        <v>359</v>
      </c>
      <c r="BN7" s="1">
        <v>1.0999999999999999E-2</v>
      </c>
      <c r="BO7" s="1">
        <v>13</v>
      </c>
      <c r="BP7" s="1">
        <v>4.2</v>
      </c>
      <c r="BQ7" s="1"/>
      <c r="BR7" s="1"/>
      <c r="BS7" s="1"/>
      <c r="BT7" s="1">
        <v>16</v>
      </c>
      <c r="BU7" s="1"/>
      <c r="BV7" s="1"/>
      <c r="BW7" s="1"/>
      <c r="BX7" s="1"/>
      <c r="BY7" s="1"/>
      <c r="BZ7" s="1"/>
    </row>
    <row r="8" spans="1:78" x14ac:dyDescent="0.15">
      <c r="B8" s="2">
        <v>0.3888888888888889</v>
      </c>
      <c r="C8" s="1" t="s">
        <v>333</v>
      </c>
      <c r="D8" s="1" t="s">
        <v>27</v>
      </c>
      <c r="E8" s="1" t="s">
        <v>334</v>
      </c>
      <c r="G8" s="1" t="s">
        <v>198</v>
      </c>
      <c r="J8" s="1" t="s">
        <v>158</v>
      </c>
      <c r="N8" s="1" t="s">
        <v>34</v>
      </c>
      <c r="P8" s="1" t="s">
        <v>36</v>
      </c>
      <c r="Q8" s="1" t="s">
        <v>51</v>
      </c>
      <c r="R8" s="1" t="s">
        <v>95</v>
      </c>
      <c r="S8" s="1" t="s">
        <v>106</v>
      </c>
      <c r="T8" s="1" t="s">
        <v>54</v>
      </c>
      <c r="U8" s="1">
        <v>9.6999999999999993</v>
      </c>
      <c r="V8" s="1"/>
      <c r="W8" s="1"/>
      <c r="X8" s="1">
        <v>1</v>
      </c>
      <c r="Y8" s="1">
        <v>7.2999999999999995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78</v>
      </c>
      <c r="BD8" s="1">
        <v>0.83</v>
      </c>
      <c r="BE8" s="1"/>
      <c r="BF8" s="1"/>
      <c r="BG8" s="1"/>
      <c r="BH8" s="1"/>
      <c r="BI8" s="1"/>
      <c r="BJ8" s="1"/>
      <c r="BK8" s="1"/>
      <c r="BL8" s="1"/>
      <c r="BM8" s="1" t="s">
        <v>359</v>
      </c>
      <c r="BN8" s="1">
        <v>0.05</v>
      </c>
      <c r="BO8" s="1">
        <v>13</v>
      </c>
      <c r="BP8" s="1">
        <v>4.3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3888888888888889</v>
      </c>
      <c r="C9" s="1" t="s">
        <v>375</v>
      </c>
      <c r="D9" s="1" t="s">
        <v>27</v>
      </c>
      <c r="E9" s="1" t="s">
        <v>334</v>
      </c>
      <c r="J9" s="1" t="s">
        <v>56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43</v>
      </c>
      <c r="AI9" s="1"/>
      <c r="AJ9" s="1"/>
      <c r="AK9" s="1"/>
      <c r="AL9" s="1"/>
      <c r="AM9" s="1"/>
      <c r="AN9" s="1"/>
      <c r="AO9" s="1"/>
      <c r="AQ9" s="1"/>
      <c r="AR9" s="1" t="s">
        <v>344</v>
      </c>
      <c r="AS9" s="1" t="s">
        <v>34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39027777777777778</v>
      </c>
      <c r="C10" s="1" t="s">
        <v>332</v>
      </c>
      <c r="D10" s="1" t="s">
        <v>27</v>
      </c>
      <c r="E10" s="1" t="s">
        <v>28</v>
      </c>
      <c r="F10" s="1" t="s">
        <v>199</v>
      </c>
      <c r="G10" s="1" t="s">
        <v>200</v>
      </c>
      <c r="J10" s="1" t="s">
        <v>31</v>
      </c>
      <c r="K10" s="1" t="s">
        <v>177</v>
      </c>
      <c r="M10" s="1" t="s">
        <v>85</v>
      </c>
      <c r="N10" s="1" t="s">
        <v>34</v>
      </c>
      <c r="O10" s="1" t="s">
        <v>35</v>
      </c>
      <c r="P10" s="1" t="s">
        <v>36</v>
      </c>
      <c r="Q10" s="1" t="s">
        <v>113</v>
      </c>
      <c r="R10" s="1" t="s">
        <v>77</v>
      </c>
      <c r="S10" s="1" t="s">
        <v>129</v>
      </c>
      <c r="T10" s="1" t="s">
        <v>68</v>
      </c>
      <c r="U10" s="1">
        <v>10.1</v>
      </c>
      <c r="V10" s="3">
        <v>23</v>
      </c>
      <c r="W10" s="1"/>
      <c r="X10" s="1">
        <v>0.98</v>
      </c>
      <c r="Y10" s="1">
        <v>5.3999999999999999E-2</v>
      </c>
      <c r="Z10" s="1">
        <v>2.8999999999999998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61</v>
      </c>
      <c r="BD10" s="1">
        <v>0.66</v>
      </c>
      <c r="BE10" s="1"/>
      <c r="BF10" s="1"/>
      <c r="BG10" s="1"/>
      <c r="BH10" s="1"/>
      <c r="BI10" s="1"/>
      <c r="BJ10" s="1"/>
      <c r="BK10" s="1"/>
      <c r="BL10" s="1"/>
      <c r="BM10" s="1" t="s">
        <v>359</v>
      </c>
      <c r="BN10" s="1">
        <v>2.7E-2</v>
      </c>
      <c r="BO10" s="1">
        <v>15</v>
      </c>
      <c r="BP10" s="1">
        <v>4.5</v>
      </c>
      <c r="BQ10" s="1"/>
      <c r="BR10" s="1"/>
      <c r="BS10" s="1"/>
      <c r="BT10" s="1">
        <v>11</v>
      </c>
      <c r="BU10" s="1"/>
      <c r="BV10" s="1"/>
      <c r="BW10" s="1"/>
      <c r="BX10" s="1"/>
      <c r="BY10" s="1"/>
      <c r="BZ10" s="1"/>
    </row>
    <row r="11" spans="1:78" x14ac:dyDescent="0.15">
      <c r="B11" s="2">
        <v>0.39027777777777778</v>
      </c>
      <c r="C11" s="1" t="s">
        <v>333</v>
      </c>
      <c r="D11" s="1" t="s">
        <v>27</v>
      </c>
      <c r="E11" s="1" t="s">
        <v>28</v>
      </c>
      <c r="G11" s="1" t="s">
        <v>141</v>
      </c>
      <c r="J11" s="1" t="s">
        <v>117</v>
      </c>
      <c r="N11" s="1" t="s">
        <v>34</v>
      </c>
      <c r="P11" s="1" t="s">
        <v>36</v>
      </c>
      <c r="Q11" s="1" t="s">
        <v>43</v>
      </c>
      <c r="R11" s="1" t="s">
        <v>33</v>
      </c>
      <c r="S11" s="1" t="s">
        <v>131</v>
      </c>
      <c r="T11" s="1" t="s">
        <v>68</v>
      </c>
      <c r="U11" s="1">
        <v>8.5</v>
      </c>
      <c r="V11" s="1"/>
      <c r="W11" s="1"/>
      <c r="X11" s="1">
        <v>1</v>
      </c>
      <c r="Y11" s="1">
        <v>6.9000000000000006E-2</v>
      </c>
      <c r="Z11" s="1">
        <v>3.500000000000000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74</v>
      </c>
      <c r="BD11" s="1">
        <v>0.79</v>
      </c>
      <c r="BE11" s="1"/>
      <c r="BF11" s="1"/>
      <c r="BG11" s="1"/>
      <c r="BH11" s="1"/>
      <c r="BI11" s="1"/>
      <c r="BJ11" s="1"/>
      <c r="BK11" s="1"/>
      <c r="BL11" s="1"/>
      <c r="BM11" s="1">
        <v>0.05</v>
      </c>
      <c r="BN11" s="1">
        <v>5.1999999999999998E-2</v>
      </c>
      <c r="BO11" s="1">
        <v>14</v>
      </c>
      <c r="BP11" s="1">
        <v>4.5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9027777777777778</v>
      </c>
      <c r="C12" s="1" t="s">
        <v>375</v>
      </c>
      <c r="D12" s="1" t="s">
        <v>27</v>
      </c>
      <c r="E12" s="1" t="s">
        <v>28</v>
      </c>
      <c r="J12" s="1" t="s">
        <v>104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43</v>
      </c>
      <c r="AI12" s="1"/>
      <c r="AJ12" s="1"/>
      <c r="AK12" s="1"/>
      <c r="AL12" s="1"/>
      <c r="AM12" s="1"/>
      <c r="AN12" s="1"/>
      <c r="AO12" s="1"/>
      <c r="AQ12" s="1"/>
      <c r="AR12" s="1" t="s">
        <v>344</v>
      </c>
      <c r="AS12" s="1" t="s">
        <v>34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39861111111111108</v>
      </c>
      <c r="C13" s="1" t="s">
        <v>332</v>
      </c>
      <c r="D13" s="1" t="s">
        <v>74</v>
      </c>
      <c r="E13" s="1" t="s">
        <v>28</v>
      </c>
      <c r="F13" s="1" t="s">
        <v>201</v>
      </c>
      <c r="G13" s="1" t="s">
        <v>202</v>
      </c>
      <c r="J13" s="1" t="s">
        <v>31</v>
      </c>
      <c r="K13" s="1" t="s">
        <v>186</v>
      </c>
      <c r="M13" s="1" t="s">
        <v>106</v>
      </c>
      <c r="N13" s="1" t="s">
        <v>34</v>
      </c>
      <c r="O13" s="1" t="s">
        <v>35</v>
      </c>
      <c r="P13" s="1" t="s">
        <v>36</v>
      </c>
      <c r="Q13" s="1" t="s">
        <v>132</v>
      </c>
      <c r="R13" s="1" t="s">
        <v>53</v>
      </c>
      <c r="S13" s="1" t="s">
        <v>162</v>
      </c>
      <c r="T13" s="1" t="s">
        <v>191</v>
      </c>
      <c r="U13" s="1">
        <v>13.4</v>
      </c>
      <c r="V13" s="3">
        <v>23</v>
      </c>
      <c r="W13" s="1"/>
      <c r="X13" s="1">
        <v>0.8</v>
      </c>
      <c r="Y13" s="1">
        <v>4.8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36</v>
      </c>
      <c r="BD13" s="1">
        <v>0.41</v>
      </c>
      <c r="BE13" s="1"/>
      <c r="BF13" s="1"/>
      <c r="BG13" s="1"/>
      <c r="BH13" s="1"/>
      <c r="BI13" s="1"/>
      <c r="BJ13" s="1"/>
      <c r="BK13" s="1"/>
      <c r="BL13" s="1"/>
      <c r="BM13" s="1" t="s">
        <v>359</v>
      </c>
      <c r="BN13" s="1" t="s">
        <v>348</v>
      </c>
      <c r="BO13" s="1">
        <v>14</v>
      </c>
      <c r="BP13" s="1">
        <v>4.9000000000000004</v>
      </c>
      <c r="BQ13" s="1"/>
      <c r="BR13" s="1"/>
      <c r="BS13" s="1"/>
      <c r="BT13" s="1">
        <v>22</v>
      </c>
      <c r="BU13" s="1"/>
      <c r="BV13" s="1"/>
      <c r="BW13" s="1"/>
      <c r="BX13" s="1"/>
      <c r="BY13" s="1"/>
      <c r="BZ13" s="1"/>
    </row>
    <row r="14" spans="1:78" x14ac:dyDescent="0.15">
      <c r="B14" s="2">
        <v>0.39861111111111108</v>
      </c>
      <c r="C14" s="1" t="s">
        <v>333</v>
      </c>
      <c r="D14" s="1" t="s">
        <v>74</v>
      </c>
      <c r="E14" s="1" t="s">
        <v>28</v>
      </c>
      <c r="G14" s="1" t="s">
        <v>200</v>
      </c>
      <c r="J14" s="1" t="s">
        <v>179</v>
      </c>
      <c r="N14" s="1" t="s">
        <v>34</v>
      </c>
      <c r="P14" s="1" t="s">
        <v>36</v>
      </c>
      <c r="Q14" s="1" t="s">
        <v>178</v>
      </c>
      <c r="R14" s="1" t="s">
        <v>111</v>
      </c>
      <c r="S14" s="1" t="s">
        <v>98</v>
      </c>
      <c r="T14" s="1" t="s">
        <v>40</v>
      </c>
      <c r="U14" s="1">
        <v>9.5</v>
      </c>
      <c r="V14" s="1"/>
      <c r="W14" s="1"/>
      <c r="X14" s="1">
        <v>1.2</v>
      </c>
      <c r="Y14" s="1">
        <v>6.9000000000000006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84</v>
      </c>
      <c r="BD14" s="1">
        <v>0.89</v>
      </c>
      <c r="BE14" s="1"/>
      <c r="BF14" s="1"/>
      <c r="BG14" s="1"/>
      <c r="BH14" s="1"/>
      <c r="BI14" s="1"/>
      <c r="BJ14" s="1"/>
      <c r="BK14" s="1"/>
      <c r="BL14" s="1"/>
      <c r="BM14" s="1" t="s">
        <v>359</v>
      </c>
      <c r="BN14" s="1">
        <v>2.8000000000000001E-2</v>
      </c>
      <c r="BO14" s="1">
        <v>16</v>
      </c>
      <c r="BP14" s="1">
        <v>5.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9861111111111108</v>
      </c>
      <c r="C15" s="1" t="s">
        <v>375</v>
      </c>
      <c r="D15" s="1" t="s">
        <v>74</v>
      </c>
      <c r="E15" s="1" t="s">
        <v>28</v>
      </c>
      <c r="J15" s="1" t="s">
        <v>118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43</v>
      </c>
      <c r="AI15" s="1"/>
      <c r="AJ15" s="1"/>
      <c r="AK15" s="1"/>
      <c r="AL15" s="1"/>
      <c r="AM15" s="1"/>
      <c r="AN15" s="1"/>
      <c r="AO15" s="1"/>
      <c r="AQ15" s="1"/>
      <c r="AR15" s="1" t="s">
        <v>344</v>
      </c>
      <c r="AS15" s="1" t="s">
        <v>344</v>
      </c>
      <c r="AT15" s="1"/>
      <c r="AU15" s="1" t="s">
        <v>343</v>
      </c>
      <c r="AV15" s="1" t="s">
        <v>345</v>
      </c>
      <c r="AW15" s="1" t="s">
        <v>34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7</v>
      </c>
      <c r="B16" s="2">
        <v>0.40763888888888888</v>
      </c>
      <c r="C16" s="1" t="s">
        <v>332</v>
      </c>
      <c r="D16" s="1" t="s">
        <v>27</v>
      </c>
      <c r="E16" s="1" t="s">
        <v>28</v>
      </c>
      <c r="F16" s="1" t="s">
        <v>88</v>
      </c>
      <c r="G16" s="1" t="s">
        <v>202</v>
      </c>
      <c r="J16" s="1" t="s">
        <v>31</v>
      </c>
      <c r="K16" s="1" t="s">
        <v>125</v>
      </c>
      <c r="M16" s="1" t="s">
        <v>111</v>
      </c>
      <c r="N16" s="1" t="s">
        <v>63</v>
      </c>
      <c r="O16" s="1" t="s">
        <v>203</v>
      </c>
      <c r="P16" s="1" t="s">
        <v>36</v>
      </c>
      <c r="Q16" s="1" t="s">
        <v>113</v>
      </c>
      <c r="R16" s="1" t="s">
        <v>102</v>
      </c>
      <c r="S16" s="1" t="s">
        <v>83</v>
      </c>
      <c r="T16" s="1" t="s">
        <v>204</v>
      </c>
      <c r="U16" s="1">
        <v>14</v>
      </c>
      <c r="V16" s="3">
        <v>13</v>
      </c>
      <c r="W16" s="1"/>
      <c r="X16" s="1">
        <v>1.3</v>
      </c>
      <c r="Y16" s="1">
        <v>0.15</v>
      </c>
      <c r="Z16" s="1">
        <v>1.5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5</v>
      </c>
      <c r="BD16" s="1">
        <v>0.55000000000000004</v>
      </c>
      <c r="BE16" s="1"/>
      <c r="BF16" s="1"/>
      <c r="BG16" s="1"/>
      <c r="BH16" s="1"/>
      <c r="BI16" s="1"/>
      <c r="BJ16" s="1"/>
      <c r="BK16" s="1"/>
      <c r="BL16" s="1"/>
      <c r="BM16" s="1" t="s">
        <v>359</v>
      </c>
      <c r="BN16" s="1">
        <v>7.0000000000000001E-3</v>
      </c>
      <c r="BO16" s="1">
        <v>12</v>
      </c>
      <c r="BP16" s="1">
        <v>3.4</v>
      </c>
      <c r="BQ16" s="1"/>
      <c r="BR16" s="1" t="s">
        <v>360</v>
      </c>
      <c r="BS16" s="1"/>
      <c r="BT16" s="1">
        <v>96</v>
      </c>
      <c r="BU16" s="1"/>
      <c r="BV16" s="1"/>
      <c r="BW16" s="1"/>
      <c r="BX16" s="1"/>
      <c r="BY16" s="1"/>
      <c r="BZ16" s="1"/>
    </row>
    <row r="17" spans="1:78" x14ac:dyDescent="0.15">
      <c r="B17" s="2">
        <v>0.40763888888888888</v>
      </c>
      <c r="C17" s="1" t="s">
        <v>333</v>
      </c>
      <c r="D17" s="1" t="s">
        <v>27</v>
      </c>
      <c r="E17" s="1" t="s">
        <v>28</v>
      </c>
      <c r="G17" s="1" t="s">
        <v>147</v>
      </c>
      <c r="J17" s="1" t="s">
        <v>158</v>
      </c>
      <c r="N17" s="1" t="s">
        <v>63</v>
      </c>
      <c r="P17" s="1" t="s">
        <v>36</v>
      </c>
      <c r="Q17" s="1" t="s">
        <v>37</v>
      </c>
      <c r="R17" s="1" t="s">
        <v>105</v>
      </c>
      <c r="S17" s="1" t="s">
        <v>84</v>
      </c>
      <c r="T17" s="1" t="s">
        <v>40</v>
      </c>
      <c r="U17" s="1">
        <v>9</v>
      </c>
      <c r="V17" s="1"/>
      <c r="W17" s="1"/>
      <c r="X17" s="1">
        <v>0.93</v>
      </c>
      <c r="Y17" s="1">
        <v>5.3999999999999999E-2</v>
      </c>
      <c r="Z17" s="1">
        <v>1.1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2</v>
      </c>
      <c r="BC17" s="1">
        <v>0.76</v>
      </c>
      <c r="BD17" s="1">
        <v>0.81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3.7999999999999999E-2</v>
      </c>
      <c r="BO17" s="1">
        <v>16</v>
      </c>
      <c r="BP17" s="1">
        <v>3.8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0763888888888888</v>
      </c>
      <c r="C18" s="1" t="s">
        <v>375</v>
      </c>
      <c r="D18" s="1" t="s">
        <v>27</v>
      </c>
      <c r="E18" s="1" t="s">
        <v>28</v>
      </c>
      <c r="J18" s="1" t="s">
        <v>56</v>
      </c>
      <c r="N18" s="1" t="s">
        <v>63</v>
      </c>
      <c r="U18" s="1"/>
      <c r="V18" s="1"/>
      <c r="W18" s="1"/>
      <c r="X18" s="1"/>
      <c r="Y18" s="1"/>
      <c r="Z18" s="1"/>
      <c r="AA18" s="1"/>
      <c r="AB18" s="1"/>
      <c r="AC18" s="1" t="s">
        <v>345</v>
      </c>
      <c r="AD18" s="1" t="s">
        <v>346</v>
      </c>
      <c r="AE18" s="1" t="s">
        <v>343</v>
      </c>
      <c r="AF18" s="1" t="s">
        <v>347</v>
      </c>
      <c r="AG18" s="1" t="s">
        <v>348</v>
      </c>
      <c r="AH18" s="1" t="s">
        <v>343</v>
      </c>
      <c r="AI18" s="1"/>
      <c r="AJ18" s="1"/>
      <c r="AK18" s="1" t="s">
        <v>344</v>
      </c>
      <c r="AL18" s="1" t="s">
        <v>344</v>
      </c>
      <c r="AM18" s="1" t="s">
        <v>344</v>
      </c>
      <c r="AN18" s="1" t="s">
        <v>344</v>
      </c>
      <c r="AO18" s="1" t="s">
        <v>344</v>
      </c>
      <c r="AP18" t="s">
        <v>344</v>
      </c>
      <c r="AQ18" s="1" t="s">
        <v>344</v>
      </c>
      <c r="AR18" s="1" t="s">
        <v>344</v>
      </c>
      <c r="AS18" s="1" t="s">
        <v>344</v>
      </c>
      <c r="AT18" s="1" t="s">
        <v>353</v>
      </c>
      <c r="AU18" s="1"/>
      <c r="AV18" s="1"/>
      <c r="AW18" s="1"/>
      <c r="AX18" s="1" t="s">
        <v>344</v>
      </c>
      <c r="AY18" s="1" t="s">
        <v>354</v>
      </c>
      <c r="AZ18" s="1" t="s">
        <v>355</v>
      </c>
      <c r="BA18" s="1" t="s">
        <v>347</v>
      </c>
      <c r="BB18" s="1"/>
      <c r="BC18" s="1"/>
      <c r="BD18" s="1"/>
      <c r="BE18" s="1" t="s">
        <v>348</v>
      </c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9</v>
      </c>
      <c r="B19" s="2">
        <v>0.40069444444444446</v>
      </c>
      <c r="C19" s="1" t="s">
        <v>332</v>
      </c>
      <c r="D19" s="1" t="s">
        <v>27</v>
      </c>
      <c r="E19" s="1" t="s">
        <v>334</v>
      </c>
      <c r="F19" s="1" t="s">
        <v>205</v>
      </c>
      <c r="G19" s="1" t="s">
        <v>61</v>
      </c>
      <c r="J19" s="1" t="s">
        <v>31</v>
      </c>
      <c r="K19" s="1" t="s">
        <v>142</v>
      </c>
      <c r="M19" s="1" t="s">
        <v>111</v>
      </c>
      <c r="N19" s="1" t="s">
        <v>63</v>
      </c>
      <c r="O19" s="1" t="s">
        <v>148</v>
      </c>
      <c r="P19" s="1" t="s">
        <v>36</v>
      </c>
      <c r="Q19" s="1" t="s">
        <v>65</v>
      </c>
      <c r="R19" s="1" t="s">
        <v>66</v>
      </c>
      <c r="S19" s="1" t="s">
        <v>110</v>
      </c>
      <c r="T19" s="1" t="s">
        <v>40</v>
      </c>
      <c r="U19" s="1">
        <v>12.3</v>
      </c>
      <c r="V19" s="3">
        <v>170</v>
      </c>
      <c r="W19" s="1"/>
      <c r="X19" s="1">
        <v>1.6</v>
      </c>
      <c r="Y19" s="1">
        <v>0.18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46</v>
      </c>
      <c r="BC19" s="1">
        <v>0.59</v>
      </c>
      <c r="BD19" s="1">
        <v>0.64</v>
      </c>
      <c r="BE19" s="1"/>
      <c r="BF19" s="1"/>
      <c r="BG19" s="1"/>
      <c r="BH19" s="1"/>
      <c r="BI19" s="1"/>
      <c r="BJ19" s="1"/>
      <c r="BK19" s="1"/>
      <c r="BL19" s="1"/>
      <c r="BM19" s="1" t="s">
        <v>359</v>
      </c>
      <c r="BN19" s="1">
        <v>1.0999999999999999E-2</v>
      </c>
      <c r="BO19" s="1">
        <v>14</v>
      </c>
      <c r="BP19" s="1">
        <v>3.6</v>
      </c>
      <c r="BQ19" s="1"/>
      <c r="BR19" s="1"/>
      <c r="BS19" s="1"/>
      <c r="BT19" s="1">
        <v>86</v>
      </c>
      <c r="BU19" s="1"/>
      <c r="BV19" s="1"/>
      <c r="BW19" s="1"/>
      <c r="BX19" s="1"/>
      <c r="BY19" s="1"/>
      <c r="BZ19" s="1"/>
    </row>
    <row r="20" spans="1:78" x14ac:dyDescent="0.15">
      <c r="B20" s="2">
        <v>0.40069444444444446</v>
      </c>
      <c r="C20" s="1" t="s">
        <v>333</v>
      </c>
      <c r="D20" s="1" t="s">
        <v>27</v>
      </c>
      <c r="E20" s="1" t="s">
        <v>334</v>
      </c>
      <c r="G20" s="1" t="s">
        <v>147</v>
      </c>
      <c r="J20" s="1" t="s">
        <v>120</v>
      </c>
      <c r="N20" s="1" t="s">
        <v>63</v>
      </c>
      <c r="P20" s="1" t="s">
        <v>36</v>
      </c>
      <c r="Q20" s="1" t="s">
        <v>43</v>
      </c>
      <c r="R20" s="1" t="s">
        <v>31</v>
      </c>
      <c r="S20" s="1" t="s">
        <v>52</v>
      </c>
      <c r="T20" s="1" t="s">
        <v>204</v>
      </c>
      <c r="U20" s="1">
        <v>8.9</v>
      </c>
      <c r="V20" s="1"/>
      <c r="W20" s="1"/>
      <c r="X20" s="1">
        <v>0.89</v>
      </c>
      <c r="Y20" s="1">
        <v>5.399999999999999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46</v>
      </c>
      <c r="BC20" s="1">
        <v>0.79</v>
      </c>
      <c r="BD20" s="1">
        <v>0.84</v>
      </c>
      <c r="BE20" s="1"/>
      <c r="BF20" s="1"/>
      <c r="BG20" s="1"/>
      <c r="BH20" s="1"/>
      <c r="BI20" s="1"/>
      <c r="BJ20" s="1"/>
      <c r="BK20" s="1"/>
      <c r="BL20" s="1"/>
      <c r="BM20" s="1" t="s">
        <v>359</v>
      </c>
      <c r="BN20" s="1">
        <v>3.7999999999999999E-2</v>
      </c>
      <c r="BO20" s="1">
        <v>14</v>
      </c>
      <c r="BP20" s="1">
        <v>3.5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0069444444444446</v>
      </c>
      <c r="C21" s="1" t="s">
        <v>375</v>
      </c>
      <c r="D21" s="1" t="s">
        <v>27</v>
      </c>
      <c r="E21" s="1" t="s">
        <v>334</v>
      </c>
      <c r="J21" s="1" t="s">
        <v>104</v>
      </c>
      <c r="N21" s="1" t="s">
        <v>6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43</v>
      </c>
      <c r="AI21" s="1"/>
      <c r="AJ21" s="1"/>
      <c r="AK21" s="1"/>
      <c r="AL21" s="1"/>
      <c r="AM21" s="1"/>
      <c r="AN21" s="1"/>
      <c r="AO21" s="1"/>
      <c r="AQ21" s="1"/>
      <c r="AR21" s="1" t="s">
        <v>344</v>
      </c>
      <c r="AS21" s="1" t="s">
        <v>34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7</v>
      </c>
      <c r="B22" s="2">
        <v>0.39166666666666666</v>
      </c>
      <c r="C22" s="1" t="s">
        <v>332</v>
      </c>
      <c r="D22" s="1" t="s">
        <v>27</v>
      </c>
      <c r="E22" s="1" t="s">
        <v>28</v>
      </c>
      <c r="F22" s="1" t="s">
        <v>206</v>
      </c>
      <c r="G22" s="1" t="s">
        <v>207</v>
      </c>
      <c r="J22" s="1" t="s">
        <v>31</v>
      </c>
      <c r="K22" s="1" t="s">
        <v>126</v>
      </c>
      <c r="M22" s="1" t="s">
        <v>53</v>
      </c>
      <c r="N22" s="1" t="s">
        <v>34</v>
      </c>
      <c r="O22" s="1" t="s">
        <v>35</v>
      </c>
      <c r="P22" s="1" t="s">
        <v>36</v>
      </c>
      <c r="Q22" s="1" t="s">
        <v>83</v>
      </c>
      <c r="R22" s="1" t="s">
        <v>119</v>
      </c>
      <c r="S22" s="1" t="s">
        <v>106</v>
      </c>
      <c r="T22" s="1" t="s">
        <v>54</v>
      </c>
      <c r="U22" s="1">
        <v>10.8</v>
      </c>
      <c r="V22" s="3">
        <v>79</v>
      </c>
      <c r="W22" s="1"/>
      <c r="X22" s="1">
        <v>1</v>
      </c>
      <c r="Y22" s="1">
        <v>0.05</v>
      </c>
      <c r="Z22" s="1">
        <v>1.6000000000000001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46</v>
      </c>
      <c r="BC22" s="1">
        <v>0.87</v>
      </c>
      <c r="BD22" s="1">
        <v>0.92</v>
      </c>
      <c r="BE22" s="1"/>
      <c r="BF22" s="1"/>
      <c r="BG22" s="1"/>
      <c r="BH22" s="1"/>
      <c r="BI22" s="1"/>
      <c r="BJ22" s="1"/>
      <c r="BK22" s="1"/>
      <c r="BL22" s="1"/>
      <c r="BM22" s="1" t="s">
        <v>359</v>
      </c>
      <c r="BN22" s="1">
        <v>3.1E-2</v>
      </c>
      <c r="BO22" s="1">
        <v>15</v>
      </c>
      <c r="BP22" s="1">
        <v>4.2</v>
      </c>
      <c r="BQ22" s="1"/>
      <c r="BR22" s="1"/>
      <c r="BS22" s="1"/>
      <c r="BT22" s="1">
        <v>3.6</v>
      </c>
      <c r="BU22" s="1"/>
      <c r="BV22" s="1"/>
      <c r="BW22" s="1"/>
      <c r="BX22" s="1"/>
      <c r="BY22" s="1"/>
      <c r="BZ22" s="1"/>
    </row>
    <row r="23" spans="1:78" x14ac:dyDescent="0.15">
      <c r="B23" s="2">
        <v>0.39166666666666666</v>
      </c>
      <c r="C23" s="1" t="s">
        <v>333</v>
      </c>
      <c r="D23" s="1" t="s">
        <v>27</v>
      </c>
      <c r="E23" s="1" t="s">
        <v>28</v>
      </c>
      <c r="G23" s="1" t="s">
        <v>173</v>
      </c>
      <c r="J23" s="1" t="s">
        <v>152</v>
      </c>
      <c r="N23" s="1" t="s">
        <v>34</v>
      </c>
      <c r="P23" s="1" t="s">
        <v>36</v>
      </c>
      <c r="Q23" s="1" t="s">
        <v>208</v>
      </c>
      <c r="R23" s="1" t="s">
        <v>189</v>
      </c>
      <c r="S23" s="1" t="s">
        <v>77</v>
      </c>
      <c r="T23" s="1" t="s">
        <v>40</v>
      </c>
      <c r="U23" s="1">
        <v>10.1</v>
      </c>
      <c r="V23" s="1"/>
      <c r="W23" s="1"/>
      <c r="X23" s="1">
        <v>1</v>
      </c>
      <c r="Y23" s="1">
        <v>0.06</v>
      </c>
      <c r="Z23" s="1">
        <v>2.200000000000000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46</v>
      </c>
      <c r="BC23" s="1">
        <v>0.93</v>
      </c>
      <c r="BD23" s="1">
        <v>0.98</v>
      </c>
      <c r="BE23" s="1"/>
      <c r="BF23" s="1"/>
      <c r="BG23" s="1"/>
      <c r="BH23" s="1"/>
      <c r="BI23" s="1"/>
      <c r="BJ23" s="1"/>
      <c r="BK23" s="1"/>
      <c r="BL23" s="1"/>
      <c r="BM23" s="1" t="s">
        <v>359</v>
      </c>
      <c r="BN23" s="1">
        <v>4.5999999999999999E-2</v>
      </c>
      <c r="BO23" s="1">
        <v>16</v>
      </c>
      <c r="BP23" s="1">
        <v>4.3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9166666666666666</v>
      </c>
      <c r="C24" s="1" t="s">
        <v>375</v>
      </c>
      <c r="D24" s="1" t="s">
        <v>27</v>
      </c>
      <c r="E24" s="1" t="s">
        <v>28</v>
      </c>
      <c r="J24" s="1" t="s">
        <v>153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43</v>
      </c>
      <c r="AI24" s="1"/>
      <c r="AJ24" s="1"/>
      <c r="AK24" s="1"/>
      <c r="AL24" s="1"/>
      <c r="AM24" s="1"/>
      <c r="AN24" s="1"/>
      <c r="AO24" s="1"/>
      <c r="AQ24" s="1"/>
      <c r="AR24" s="1" t="s">
        <v>344</v>
      </c>
      <c r="AS24" s="1" t="s">
        <v>34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5</v>
      </c>
      <c r="B25" s="2">
        <v>0.39652777777777781</v>
      </c>
      <c r="C25" s="1" t="s">
        <v>332</v>
      </c>
      <c r="D25" s="1" t="s">
        <v>59</v>
      </c>
      <c r="E25" s="1" t="s">
        <v>28</v>
      </c>
      <c r="F25" s="1" t="s">
        <v>112</v>
      </c>
      <c r="G25" s="1" t="s">
        <v>116</v>
      </c>
      <c r="J25" s="1" t="s">
        <v>31</v>
      </c>
      <c r="K25" s="1" t="s">
        <v>209</v>
      </c>
      <c r="M25" s="1" t="s">
        <v>133</v>
      </c>
      <c r="N25" s="1" t="s">
        <v>34</v>
      </c>
      <c r="O25" s="1" t="s">
        <v>64</v>
      </c>
      <c r="P25" s="1" t="s">
        <v>36</v>
      </c>
      <c r="Q25" s="1" t="s">
        <v>178</v>
      </c>
      <c r="R25" s="1" t="s">
        <v>39</v>
      </c>
      <c r="S25" s="1" t="s">
        <v>71</v>
      </c>
      <c r="T25" s="1" t="s">
        <v>54</v>
      </c>
      <c r="U25" s="1">
        <v>11.7</v>
      </c>
      <c r="V25" s="3">
        <v>23</v>
      </c>
      <c r="W25" s="1"/>
      <c r="X25" s="1">
        <v>1</v>
      </c>
      <c r="Y25" s="1">
        <v>8.2000000000000003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76</v>
      </c>
      <c r="BD25" s="1">
        <v>0.81</v>
      </c>
      <c r="BE25" s="1"/>
      <c r="BF25" s="1"/>
      <c r="BG25" s="1"/>
      <c r="BH25" s="1"/>
      <c r="BI25" s="1"/>
      <c r="BJ25" s="1"/>
      <c r="BK25" s="1"/>
      <c r="BL25" s="1"/>
      <c r="BM25" s="1" t="s">
        <v>359</v>
      </c>
      <c r="BN25" s="1">
        <v>0.03</v>
      </c>
      <c r="BO25" s="1">
        <v>18</v>
      </c>
      <c r="BP25" s="1">
        <v>4.5999999999999996</v>
      </c>
      <c r="BQ25" s="1"/>
      <c r="BR25" s="1"/>
      <c r="BS25" s="1"/>
      <c r="BT25" s="1">
        <v>20</v>
      </c>
      <c r="BU25" s="1"/>
      <c r="BV25" s="1"/>
      <c r="BW25" s="1"/>
      <c r="BX25" s="1"/>
      <c r="BY25" s="1"/>
      <c r="BZ25" s="1"/>
    </row>
    <row r="26" spans="1:78" x14ac:dyDescent="0.15">
      <c r="B26" s="2">
        <v>0.39652777777777781</v>
      </c>
      <c r="C26" s="1" t="s">
        <v>333</v>
      </c>
      <c r="D26" s="1" t="s">
        <v>59</v>
      </c>
      <c r="E26" s="1" t="s">
        <v>28</v>
      </c>
      <c r="G26" s="1" t="s">
        <v>30</v>
      </c>
      <c r="J26" s="1" t="s">
        <v>41</v>
      </c>
      <c r="N26" s="1" t="s">
        <v>34</v>
      </c>
      <c r="P26" s="1" t="s">
        <v>36</v>
      </c>
      <c r="Q26" s="1" t="s">
        <v>51</v>
      </c>
      <c r="R26" s="1" t="s">
        <v>111</v>
      </c>
      <c r="S26" s="1" t="s">
        <v>84</v>
      </c>
      <c r="T26" s="1" t="s">
        <v>40</v>
      </c>
      <c r="U26" s="1">
        <v>9.8000000000000007</v>
      </c>
      <c r="V26" s="1"/>
      <c r="W26" s="1"/>
      <c r="X26" s="1">
        <v>1.1000000000000001</v>
      </c>
      <c r="Y26" s="1">
        <v>8.5000000000000006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93</v>
      </c>
      <c r="BD26" s="1">
        <v>0.98</v>
      </c>
      <c r="BE26" s="1"/>
      <c r="BF26" s="1"/>
      <c r="BG26" s="1"/>
      <c r="BH26" s="1"/>
      <c r="BI26" s="1"/>
      <c r="BJ26" s="1"/>
      <c r="BK26" s="1"/>
      <c r="BL26" s="1"/>
      <c r="BM26" s="1" t="s">
        <v>359</v>
      </c>
      <c r="BN26" s="1">
        <v>5.8000000000000003E-2</v>
      </c>
      <c r="BO26" s="1">
        <v>17</v>
      </c>
      <c r="BP26" s="1">
        <v>4.8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9652777777777781</v>
      </c>
      <c r="C27" s="1" t="s">
        <v>375</v>
      </c>
      <c r="D27" s="1" t="s">
        <v>59</v>
      </c>
      <c r="E27" s="1" t="s">
        <v>28</v>
      </c>
      <c r="J27" s="1" t="s">
        <v>62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43</v>
      </c>
      <c r="AI27" s="1"/>
      <c r="AJ27" s="1"/>
      <c r="AK27" s="1"/>
      <c r="AL27" s="1"/>
      <c r="AM27" s="1"/>
      <c r="AN27" s="1"/>
      <c r="AO27" s="1"/>
      <c r="AQ27" s="1"/>
      <c r="AR27" s="1" t="s">
        <v>344</v>
      </c>
      <c r="AS27" s="1" t="s">
        <v>34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38750000000000001</v>
      </c>
      <c r="C28" s="1" t="s">
        <v>332</v>
      </c>
      <c r="D28" s="1" t="s">
        <v>59</v>
      </c>
      <c r="E28" s="1" t="s">
        <v>334</v>
      </c>
      <c r="F28" s="1" t="s">
        <v>207</v>
      </c>
      <c r="G28" s="1" t="s">
        <v>30</v>
      </c>
      <c r="J28" s="1" t="s">
        <v>31</v>
      </c>
      <c r="K28" s="1" t="s">
        <v>209</v>
      </c>
      <c r="M28" s="1" t="s">
        <v>156</v>
      </c>
      <c r="N28" s="1" t="s">
        <v>34</v>
      </c>
      <c r="O28" s="1" t="s">
        <v>35</v>
      </c>
      <c r="P28" s="1" t="s">
        <v>36</v>
      </c>
      <c r="Q28" s="1" t="s">
        <v>37</v>
      </c>
      <c r="R28" s="1" t="s">
        <v>39</v>
      </c>
      <c r="S28" s="1" t="s">
        <v>85</v>
      </c>
      <c r="T28" s="1" t="s">
        <v>54</v>
      </c>
      <c r="U28" s="1">
        <v>10.5</v>
      </c>
      <c r="V28" s="3">
        <v>23</v>
      </c>
      <c r="W28" s="1"/>
      <c r="X28" s="1">
        <v>1.2</v>
      </c>
      <c r="Y28" s="1">
        <v>0.11</v>
      </c>
      <c r="Z28" s="1">
        <v>3.2000000000000002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84</v>
      </c>
      <c r="BD28" s="1">
        <v>0.89</v>
      </c>
      <c r="BF28" s="1"/>
      <c r="BG28" s="1"/>
      <c r="BH28" s="1"/>
      <c r="BI28" s="1"/>
      <c r="BJ28" s="1"/>
      <c r="BK28" s="1"/>
      <c r="BL28" s="1"/>
      <c r="BM28" s="1" t="s">
        <v>359</v>
      </c>
      <c r="BN28" s="1">
        <v>5.2999999999999999E-2</v>
      </c>
      <c r="BO28" s="1">
        <v>16</v>
      </c>
      <c r="BP28" s="1">
        <v>6.8</v>
      </c>
      <c r="BQ28" s="1"/>
      <c r="BR28" s="1"/>
      <c r="BS28" s="1"/>
      <c r="BT28" s="1">
        <v>12</v>
      </c>
      <c r="BU28" s="1"/>
      <c r="BV28" s="1"/>
      <c r="BW28" s="1"/>
      <c r="BX28" s="1"/>
      <c r="BY28" s="1"/>
      <c r="BZ28" s="1"/>
    </row>
    <row r="29" spans="1:78" x14ac:dyDescent="0.15">
      <c r="B29" s="2">
        <v>0.38750000000000001</v>
      </c>
      <c r="C29" s="1" t="s">
        <v>333</v>
      </c>
      <c r="D29" s="1" t="s">
        <v>59</v>
      </c>
      <c r="E29" s="1" t="s">
        <v>334</v>
      </c>
      <c r="G29" s="1" t="s">
        <v>158</v>
      </c>
      <c r="J29" s="1" t="s">
        <v>41</v>
      </c>
      <c r="N29" s="1" t="s">
        <v>34</v>
      </c>
      <c r="P29" s="1" t="s">
        <v>36</v>
      </c>
      <c r="Q29" s="1" t="s">
        <v>43</v>
      </c>
      <c r="R29" s="1" t="s">
        <v>44</v>
      </c>
      <c r="S29" s="1" t="s">
        <v>84</v>
      </c>
      <c r="T29" s="1" t="s">
        <v>191</v>
      </c>
      <c r="U29" s="1">
        <v>9.3000000000000007</v>
      </c>
      <c r="V29" s="1"/>
      <c r="W29" s="1"/>
      <c r="X29" s="1">
        <v>1.1000000000000001</v>
      </c>
      <c r="Y29" s="1">
        <v>0.1</v>
      </c>
      <c r="Z29" s="1">
        <v>3.0999999999999999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98</v>
      </c>
      <c r="BD29" s="1">
        <v>1</v>
      </c>
      <c r="BF29" s="1"/>
      <c r="BG29" s="1"/>
      <c r="BH29" s="1"/>
      <c r="BI29" s="1"/>
      <c r="BJ29" s="1"/>
      <c r="BK29" s="1"/>
      <c r="BL29" s="1"/>
      <c r="BM29" s="1" t="s">
        <v>359</v>
      </c>
      <c r="BN29" s="1">
        <v>7.5999999999999998E-2</v>
      </c>
      <c r="BO29" s="1">
        <v>16</v>
      </c>
      <c r="BP29" s="1">
        <v>5.3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8750000000000001</v>
      </c>
      <c r="C30" s="1" t="s">
        <v>375</v>
      </c>
      <c r="D30" s="1" t="s">
        <v>59</v>
      </c>
      <c r="E30" s="1" t="s">
        <v>334</v>
      </c>
      <c r="J30" s="1" t="s">
        <v>62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43</v>
      </c>
      <c r="AI30" s="1"/>
      <c r="AJ30" s="1"/>
      <c r="AK30" s="1"/>
      <c r="AL30" s="1"/>
      <c r="AM30" s="1"/>
      <c r="AN30" s="1"/>
      <c r="AO30" s="1"/>
      <c r="AQ30" s="1"/>
      <c r="AR30" s="1" t="s">
        <v>344</v>
      </c>
      <c r="AS30" s="1" t="s">
        <v>34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40277777777777773</v>
      </c>
      <c r="C31" s="1" t="s">
        <v>332</v>
      </c>
      <c r="D31" s="1" t="s">
        <v>27</v>
      </c>
      <c r="E31" s="1" t="s">
        <v>28</v>
      </c>
      <c r="F31" s="1" t="s">
        <v>210</v>
      </c>
      <c r="G31" s="1" t="s">
        <v>180</v>
      </c>
      <c r="J31" s="1" t="s">
        <v>31</v>
      </c>
      <c r="K31" s="1" t="s">
        <v>152</v>
      </c>
      <c r="M31" s="1" t="s">
        <v>129</v>
      </c>
      <c r="N31" s="1" t="s">
        <v>34</v>
      </c>
      <c r="O31" s="1" t="s">
        <v>35</v>
      </c>
      <c r="P31" s="1" t="s">
        <v>36</v>
      </c>
      <c r="Q31" s="1" t="s">
        <v>43</v>
      </c>
      <c r="R31" s="1" t="s">
        <v>95</v>
      </c>
      <c r="S31" s="1" t="s">
        <v>84</v>
      </c>
      <c r="T31" s="1" t="s">
        <v>54</v>
      </c>
      <c r="U31" s="1">
        <v>10.8</v>
      </c>
      <c r="V31" s="3">
        <v>130</v>
      </c>
      <c r="W31" s="1"/>
      <c r="X31" s="1">
        <v>1.2</v>
      </c>
      <c r="Y31" s="1">
        <v>0.1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2</v>
      </c>
      <c r="BC31" s="1">
        <v>1.1000000000000001</v>
      </c>
      <c r="BD31" s="1">
        <v>1.1000000000000001</v>
      </c>
      <c r="BF31" s="1"/>
      <c r="BG31" s="1"/>
      <c r="BH31" s="1"/>
      <c r="BI31" s="1"/>
      <c r="BJ31" s="1"/>
      <c r="BK31" s="1"/>
      <c r="BL31" s="1"/>
      <c r="BM31" s="1" t="s">
        <v>359</v>
      </c>
      <c r="BN31" s="1">
        <v>8.3000000000000004E-2</v>
      </c>
      <c r="BO31" s="1">
        <v>16</v>
      </c>
      <c r="BP31" s="1">
        <v>5.5</v>
      </c>
      <c r="BQ31" s="1"/>
      <c r="BR31" s="1"/>
      <c r="BS31" s="1"/>
      <c r="BT31" s="1">
        <v>1.5</v>
      </c>
      <c r="BU31" s="1"/>
      <c r="BV31" s="1"/>
      <c r="BW31" s="1"/>
      <c r="BX31" s="1"/>
      <c r="BY31" s="1"/>
      <c r="BZ31" s="1"/>
    </row>
    <row r="32" spans="1:78" x14ac:dyDescent="0.15">
      <c r="B32" s="2">
        <v>0.40277777777777773</v>
      </c>
      <c r="C32" s="1" t="s">
        <v>333</v>
      </c>
      <c r="D32" s="1" t="s">
        <v>27</v>
      </c>
      <c r="E32" s="1" t="s">
        <v>28</v>
      </c>
      <c r="G32" s="1" t="s">
        <v>211</v>
      </c>
      <c r="J32" s="1" t="s">
        <v>108</v>
      </c>
      <c r="N32" s="1" t="s">
        <v>34</v>
      </c>
      <c r="P32" s="1" t="s">
        <v>36</v>
      </c>
      <c r="Q32" s="1" t="s">
        <v>43</v>
      </c>
      <c r="R32" s="1" t="s">
        <v>130</v>
      </c>
      <c r="S32" s="1" t="s">
        <v>39</v>
      </c>
      <c r="T32" s="1" t="s">
        <v>68</v>
      </c>
      <c r="U32" s="1">
        <v>10.5</v>
      </c>
      <c r="V32" s="1"/>
      <c r="W32" s="1"/>
      <c r="X32" s="1">
        <v>1.3</v>
      </c>
      <c r="Y32" s="1">
        <v>0.1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359</v>
      </c>
      <c r="BN32" s="1">
        <v>8.5000000000000006E-2</v>
      </c>
      <c r="BO32" s="1">
        <v>16</v>
      </c>
      <c r="BP32" s="1">
        <v>6.8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0277777777777773</v>
      </c>
      <c r="C33" s="1" t="s">
        <v>375</v>
      </c>
      <c r="D33" s="1" t="s">
        <v>27</v>
      </c>
      <c r="E33" s="1" t="s">
        <v>28</v>
      </c>
      <c r="J33" s="1" t="s">
        <v>212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43</v>
      </c>
      <c r="AI33" s="1"/>
      <c r="AJ33" s="1"/>
      <c r="AK33" s="1"/>
      <c r="AL33" s="1"/>
      <c r="AM33" s="1"/>
      <c r="AN33" s="1"/>
      <c r="AO33" s="1"/>
      <c r="AQ33" s="1"/>
      <c r="AR33" s="1" t="s">
        <v>344</v>
      </c>
      <c r="AS33" s="1" t="s">
        <v>34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5</v>
      </c>
      <c r="B34" s="2">
        <v>0.40763888888888888</v>
      </c>
      <c r="C34" s="1" t="s">
        <v>332</v>
      </c>
      <c r="D34" s="1" t="s">
        <v>27</v>
      </c>
      <c r="E34" s="1" t="s">
        <v>334</v>
      </c>
      <c r="F34" s="1" t="s">
        <v>175</v>
      </c>
      <c r="G34" s="1" t="s">
        <v>184</v>
      </c>
      <c r="J34" s="1" t="s">
        <v>31</v>
      </c>
      <c r="K34" s="1" t="s">
        <v>213</v>
      </c>
      <c r="M34" s="1" t="s">
        <v>133</v>
      </c>
      <c r="N34" s="1" t="s">
        <v>34</v>
      </c>
      <c r="O34" s="1" t="s">
        <v>35</v>
      </c>
      <c r="P34" s="1" t="s">
        <v>36</v>
      </c>
      <c r="Q34" s="1" t="s">
        <v>51</v>
      </c>
      <c r="R34" s="1" t="s">
        <v>44</v>
      </c>
      <c r="S34" s="1" t="s">
        <v>52</v>
      </c>
      <c r="T34" s="1" t="s">
        <v>68</v>
      </c>
      <c r="U34" s="1">
        <v>11.8</v>
      </c>
      <c r="V34" s="3">
        <v>170</v>
      </c>
      <c r="W34" s="1"/>
      <c r="X34" s="1">
        <v>1.2</v>
      </c>
      <c r="Y34" s="1">
        <v>0.11</v>
      </c>
      <c r="Z34" s="1">
        <v>2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1</v>
      </c>
      <c r="BD34" s="1">
        <v>1</v>
      </c>
      <c r="BF34" s="1"/>
      <c r="BG34" s="1"/>
      <c r="BH34" s="1"/>
      <c r="BI34" s="1"/>
      <c r="BJ34" s="1"/>
      <c r="BK34" s="1"/>
      <c r="BL34" s="1"/>
      <c r="BM34" s="1" t="s">
        <v>359</v>
      </c>
      <c r="BN34" s="1">
        <v>9.5000000000000001E-2</v>
      </c>
      <c r="BO34" s="1">
        <v>17</v>
      </c>
      <c r="BP34" s="1">
        <v>5.9</v>
      </c>
      <c r="BQ34" s="1"/>
      <c r="BR34" s="1" t="s">
        <v>360</v>
      </c>
      <c r="BS34" s="1"/>
      <c r="BT34" s="1">
        <v>4.4000000000000004</v>
      </c>
      <c r="BU34" s="1"/>
      <c r="BV34" s="1"/>
      <c r="BW34" s="1"/>
      <c r="BX34" s="1"/>
      <c r="BY34" s="1"/>
      <c r="BZ34" s="1"/>
    </row>
    <row r="35" spans="1:78" x14ac:dyDescent="0.15">
      <c r="B35" s="2">
        <v>0.40763888888888888</v>
      </c>
      <c r="C35" s="1" t="s">
        <v>333</v>
      </c>
      <c r="D35" s="1" t="s">
        <v>27</v>
      </c>
      <c r="E35" s="1" t="s">
        <v>334</v>
      </c>
      <c r="G35" s="1" t="s">
        <v>51</v>
      </c>
      <c r="J35" s="1" t="s">
        <v>139</v>
      </c>
      <c r="N35" s="1" t="s">
        <v>34</v>
      </c>
      <c r="P35" s="1" t="s">
        <v>36</v>
      </c>
      <c r="Q35" s="1" t="s">
        <v>43</v>
      </c>
      <c r="R35" s="1" t="s">
        <v>33</v>
      </c>
      <c r="S35" s="1" t="s">
        <v>45</v>
      </c>
      <c r="T35" s="1" t="s">
        <v>191</v>
      </c>
      <c r="U35" s="1">
        <v>9.6</v>
      </c>
      <c r="V35" s="1"/>
      <c r="W35" s="1"/>
      <c r="X35" s="1">
        <v>1.2</v>
      </c>
      <c r="Y35" s="1">
        <v>0.11</v>
      </c>
      <c r="Z35" s="1">
        <v>2.3999999999999998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1</v>
      </c>
      <c r="BD35" s="1">
        <v>1</v>
      </c>
      <c r="BF35" s="1"/>
      <c r="BG35" s="1"/>
      <c r="BH35" s="1"/>
      <c r="BI35" s="1"/>
      <c r="BJ35" s="1"/>
      <c r="BK35" s="1"/>
      <c r="BL35" s="1"/>
      <c r="BM35" s="1" t="s">
        <v>359</v>
      </c>
      <c r="BN35" s="1">
        <v>7.6999999999999999E-2</v>
      </c>
      <c r="BO35" s="1">
        <v>18</v>
      </c>
      <c r="BP35" s="1">
        <v>5.7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0763888888888888</v>
      </c>
      <c r="C36" s="1" t="s">
        <v>375</v>
      </c>
      <c r="D36" s="1" t="s">
        <v>27</v>
      </c>
      <c r="E36" s="1" t="s">
        <v>334</v>
      </c>
      <c r="J36" s="1" t="s">
        <v>121</v>
      </c>
      <c r="N36" s="1" t="s">
        <v>34</v>
      </c>
      <c r="U36" s="1"/>
      <c r="V36" s="1"/>
      <c r="W36" s="1"/>
      <c r="X36" s="1"/>
      <c r="Y36" s="1"/>
      <c r="Z36" s="1"/>
      <c r="AC36" s="1" t="s">
        <v>345</v>
      </c>
      <c r="AD36" s="1" t="s">
        <v>346</v>
      </c>
      <c r="AE36" s="1" t="s">
        <v>343</v>
      </c>
      <c r="AF36" s="1" t="s">
        <v>347</v>
      </c>
      <c r="AG36" s="1" t="s">
        <v>348</v>
      </c>
      <c r="AH36" s="1" t="s">
        <v>343</v>
      </c>
      <c r="AI36" s="1"/>
      <c r="AJ36" s="1"/>
      <c r="AK36" s="1" t="s">
        <v>344</v>
      </c>
      <c r="AL36" s="1" t="s">
        <v>344</v>
      </c>
      <c r="AM36" s="1" t="s">
        <v>344</v>
      </c>
      <c r="AN36" s="1" t="s">
        <v>344</v>
      </c>
      <c r="AO36" s="1" t="s">
        <v>344</v>
      </c>
      <c r="AP36" t="s">
        <v>344</v>
      </c>
      <c r="AQ36" s="1" t="s">
        <v>344</v>
      </c>
      <c r="AR36" s="1" t="s">
        <v>344</v>
      </c>
      <c r="AS36" s="1" t="s">
        <v>344</v>
      </c>
      <c r="AT36" s="1" t="s">
        <v>353</v>
      </c>
      <c r="AU36" s="1"/>
      <c r="AV36" s="1"/>
      <c r="AW36" s="1"/>
      <c r="AX36" s="1" t="s">
        <v>344</v>
      </c>
      <c r="AY36" s="1" t="s">
        <v>354</v>
      </c>
      <c r="AZ36" s="1">
        <v>0.09</v>
      </c>
      <c r="BA36" s="1" t="s">
        <v>347</v>
      </c>
      <c r="BB36" s="1"/>
      <c r="BC36" s="1"/>
      <c r="BD36" s="1"/>
      <c r="BE36" t="s">
        <v>348</v>
      </c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7</v>
      </c>
      <c r="B37" s="2">
        <v>0.39999999999999997</v>
      </c>
      <c r="C37" s="1" t="s">
        <v>332</v>
      </c>
      <c r="D37" s="1" t="s">
        <v>59</v>
      </c>
      <c r="E37" s="1" t="s">
        <v>334</v>
      </c>
      <c r="F37" s="1" t="s">
        <v>126</v>
      </c>
      <c r="G37" s="1" t="s">
        <v>214</v>
      </c>
      <c r="J37" s="1" t="s">
        <v>31</v>
      </c>
      <c r="K37" s="1" t="s">
        <v>41</v>
      </c>
      <c r="M37" s="1" t="s">
        <v>122</v>
      </c>
      <c r="N37" s="1" t="s">
        <v>34</v>
      </c>
      <c r="O37" s="1" t="s">
        <v>35</v>
      </c>
      <c r="P37" s="1" t="s">
        <v>36</v>
      </c>
      <c r="Q37" s="1" t="s">
        <v>208</v>
      </c>
      <c r="R37" s="1" t="s">
        <v>33</v>
      </c>
      <c r="S37" s="1" t="s">
        <v>133</v>
      </c>
      <c r="T37" s="1" t="s">
        <v>68</v>
      </c>
      <c r="U37" s="1">
        <v>11.8</v>
      </c>
      <c r="V37" s="3">
        <v>130</v>
      </c>
      <c r="W37" s="1"/>
      <c r="X37" s="1">
        <v>1.3</v>
      </c>
      <c r="Y37" s="1">
        <v>0.11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1</v>
      </c>
      <c r="BD37" s="1">
        <v>1</v>
      </c>
      <c r="BF37" s="1"/>
      <c r="BG37" s="1"/>
      <c r="BH37" s="1"/>
      <c r="BI37" s="1"/>
      <c r="BJ37" s="1"/>
      <c r="BK37" s="1"/>
      <c r="BL37" s="1"/>
      <c r="BM37" s="1" t="s">
        <v>359</v>
      </c>
      <c r="BN37" s="1">
        <v>8.6999999999999994E-2</v>
      </c>
      <c r="BO37" s="1">
        <v>16</v>
      </c>
      <c r="BP37" s="1">
        <v>6.2</v>
      </c>
      <c r="BQ37" s="1"/>
      <c r="BR37" s="1"/>
      <c r="BS37" s="1"/>
      <c r="BT37" s="1">
        <v>10</v>
      </c>
      <c r="BU37" s="1"/>
      <c r="BV37" s="1"/>
      <c r="BW37" s="1"/>
      <c r="BX37" s="1"/>
      <c r="BY37" s="1"/>
      <c r="BZ37" s="1"/>
    </row>
    <row r="38" spans="1:78" x14ac:dyDescent="0.15">
      <c r="B38" s="2">
        <v>0.39999999999999997</v>
      </c>
      <c r="C38" s="1" t="s">
        <v>333</v>
      </c>
      <c r="D38" s="1" t="s">
        <v>59</v>
      </c>
      <c r="E38" s="1" t="s">
        <v>334</v>
      </c>
      <c r="G38" s="1" t="s">
        <v>215</v>
      </c>
      <c r="J38" s="1" t="s">
        <v>216</v>
      </c>
      <c r="N38" s="1" t="s">
        <v>34</v>
      </c>
      <c r="P38" s="1" t="s">
        <v>36</v>
      </c>
      <c r="Q38" s="1" t="s">
        <v>43</v>
      </c>
      <c r="R38" s="1" t="s">
        <v>130</v>
      </c>
      <c r="S38" s="1" t="s">
        <v>39</v>
      </c>
      <c r="T38" s="1" t="s">
        <v>97</v>
      </c>
      <c r="U38" s="1">
        <v>9.9</v>
      </c>
      <c r="V38" s="1"/>
      <c r="W38" s="1"/>
      <c r="X38" s="1">
        <v>1.3</v>
      </c>
      <c r="Y38" s="1">
        <v>0.1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1</v>
      </c>
      <c r="BD38" s="1">
        <v>1</v>
      </c>
      <c r="BF38" s="1"/>
      <c r="BG38" s="1"/>
      <c r="BH38" s="1"/>
      <c r="BI38" s="1"/>
      <c r="BJ38" s="1"/>
      <c r="BK38" s="1"/>
      <c r="BL38" s="1"/>
      <c r="BM38" s="1">
        <v>0.04</v>
      </c>
      <c r="BN38" s="1">
        <v>7.2999999999999995E-2</v>
      </c>
      <c r="BO38" s="1">
        <v>16</v>
      </c>
      <c r="BP38" s="1">
        <v>6.6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39999999999999997</v>
      </c>
      <c r="C39" s="1" t="s">
        <v>375</v>
      </c>
      <c r="D39" s="1" t="s">
        <v>59</v>
      </c>
      <c r="E39" s="1" t="s">
        <v>334</v>
      </c>
      <c r="J39" s="1" t="s">
        <v>217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43</v>
      </c>
      <c r="AI39" s="1"/>
      <c r="AJ39" s="1"/>
      <c r="AK39" s="1"/>
      <c r="AL39" s="1"/>
      <c r="AM39" s="1"/>
      <c r="AN39" s="1"/>
      <c r="AO39" s="1"/>
      <c r="AQ39" s="1"/>
      <c r="AR39" s="1" t="s">
        <v>344</v>
      </c>
      <c r="AS39" s="1" t="s">
        <v>344</v>
      </c>
      <c r="AT39" s="1"/>
      <c r="AU39" s="1" t="s">
        <v>343</v>
      </c>
      <c r="AV39" s="1" t="s">
        <v>345</v>
      </c>
      <c r="AW39" s="1" t="s">
        <v>34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2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21</v>
      </c>
      <c r="C1" s="1" t="s">
        <v>1</v>
      </c>
      <c r="D1" s="1" t="s">
        <v>337</v>
      </c>
      <c r="E1" s="1" t="s">
        <v>2</v>
      </c>
      <c r="F1" s="1" t="s">
        <v>323</v>
      </c>
      <c r="G1" s="1" t="s">
        <v>3</v>
      </c>
      <c r="H1" s="1" t="s">
        <v>32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25</v>
      </c>
      <c r="V2" s="1" t="s">
        <v>274</v>
      </c>
      <c r="W2" s="1" t="s">
        <v>339</v>
      </c>
      <c r="X2" s="1" t="s">
        <v>275</v>
      </c>
      <c r="Y2" s="1" t="s">
        <v>276</v>
      </c>
      <c r="Z2" s="1" t="s">
        <v>277</v>
      </c>
      <c r="AA2" s="1" t="s">
        <v>365</v>
      </c>
      <c r="AB2" s="1" t="s">
        <v>373</v>
      </c>
      <c r="AC2" s="1" t="s">
        <v>278</v>
      </c>
      <c r="AD2" s="1" t="s">
        <v>279</v>
      </c>
      <c r="AE2" s="1" t="s">
        <v>340</v>
      </c>
      <c r="AF2" s="1" t="s">
        <v>280</v>
      </c>
      <c r="AG2" s="1" t="s">
        <v>281</v>
      </c>
      <c r="AH2" s="1" t="s">
        <v>282</v>
      </c>
      <c r="AI2" s="1" t="s">
        <v>283</v>
      </c>
      <c r="AJ2" s="1" t="s">
        <v>284</v>
      </c>
      <c r="AK2" s="1" t="s">
        <v>285</v>
      </c>
      <c r="AL2" s="1" t="s">
        <v>286</v>
      </c>
      <c r="AM2" s="1" t="s">
        <v>287</v>
      </c>
      <c r="AN2" s="1" t="s">
        <v>288</v>
      </c>
      <c r="AO2" s="1" t="s">
        <v>289</v>
      </c>
      <c r="AP2" t="s">
        <v>362</v>
      </c>
      <c r="AQ2" s="1" t="s">
        <v>290</v>
      </c>
      <c r="AR2" s="1" t="s">
        <v>291</v>
      </c>
      <c r="AS2" s="1" t="s">
        <v>292</v>
      </c>
      <c r="AT2" s="1" t="s">
        <v>350</v>
      </c>
      <c r="AU2" s="1" t="s">
        <v>293</v>
      </c>
      <c r="AV2" s="1" t="s">
        <v>294</v>
      </c>
      <c r="AW2" s="1" t="s">
        <v>295</v>
      </c>
      <c r="AX2" s="1" t="s">
        <v>296</v>
      </c>
      <c r="AY2" s="1" t="s">
        <v>297</v>
      </c>
      <c r="AZ2" s="1" t="s">
        <v>298</v>
      </c>
      <c r="BA2" s="1" t="s">
        <v>299</v>
      </c>
      <c r="BB2" s="1" t="s">
        <v>300</v>
      </c>
      <c r="BC2" s="1" t="s">
        <v>301</v>
      </c>
      <c r="BD2" s="1" t="s">
        <v>302</v>
      </c>
      <c r="BE2" s="1" t="s">
        <v>370</v>
      </c>
      <c r="BF2" s="1" t="s">
        <v>303</v>
      </c>
      <c r="BG2" s="1" t="s">
        <v>351</v>
      </c>
      <c r="BH2" s="1" t="s">
        <v>352</v>
      </c>
      <c r="BI2" s="1" t="s">
        <v>304</v>
      </c>
      <c r="BJ2" s="1" t="s">
        <v>305</v>
      </c>
      <c r="BK2" s="1" t="s">
        <v>306</v>
      </c>
      <c r="BL2" s="1" t="s">
        <v>307</v>
      </c>
      <c r="BM2" s="1" t="s">
        <v>308</v>
      </c>
      <c r="BN2" s="1" t="s">
        <v>309</v>
      </c>
      <c r="BO2" s="1" t="s">
        <v>310</v>
      </c>
      <c r="BP2" s="1" t="s">
        <v>311</v>
      </c>
      <c r="BQ2" s="1" t="s">
        <v>312</v>
      </c>
      <c r="BR2" s="1" t="s">
        <v>313</v>
      </c>
      <c r="BS2" s="1" t="s">
        <v>314</v>
      </c>
      <c r="BT2" s="1" t="s">
        <v>315</v>
      </c>
      <c r="BU2" s="1" t="s">
        <v>316</v>
      </c>
      <c r="BV2" s="1" t="s">
        <v>317</v>
      </c>
      <c r="BW2" s="1" t="s">
        <v>318</v>
      </c>
      <c r="BX2" s="1" t="s">
        <v>319</v>
      </c>
      <c r="BY2" s="1" t="s">
        <v>320</v>
      </c>
      <c r="BZ2" s="1" t="s">
        <v>356</v>
      </c>
    </row>
    <row r="3" spans="1:78" x14ac:dyDescent="0.15">
      <c r="A3" s="1" t="s">
        <v>326</v>
      </c>
      <c r="B3" s="1" t="s">
        <v>327</v>
      </c>
      <c r="C3" s="1"/>
      <c r="D3" s="1"/>
      <c r="E3" s="1"/>
      <c r="F3" s="1" t="s">
        <v>328</v>
      </c>
      <c r="G3" s="1" t="s">
        <v>328</v>
      </c>
      <c r="H3" s="1" t="s">
        <v>329</v>
      </c>
      <c r="I3" s="1" t="s">
        <v>24</v>
      </c>
      <c r="J3" s="1" t="s">
        <v>330</v>
      </c>
      <c r="K3" s="1" t="s">
        <v>330</v>
      </c>
      <c r="L3" s="1" t="s">
        <v>331</v>
      </c>
      <c r="M3" s="1" t="s">
        <v>330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4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57</v>
      </c>
      <c r="BP3" s="1" t="s">
        <v>25</v>
      </c>
      <c r="BQ3" s="1" t="s">
        <v>358</v>
      </c>
      <c r="BR3" s="1" t="s">
        <v>25</v>
      </c>
      <c r="BS3" s="1" t="s">
        <v>25</v>
      </c>
      <c r="BT3" s="1" t="s">
        <v>36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319444444444442</v>
      </c>
      <c r="C4" s="1" t="s">
        <v>332</v>
      </c>
      <c r="D4" s="1" t="s">
        <v>27</v>
      </c>
      <c r="E4" s="1" t="s">
        <v>28</v>
      </c>
      <c r="F4" s="1" t="s">
        <v>218</v>
      </c>
      <c r="G4" s="1" t="s">
        <v>112</v>
      </c>
      <c r="J4" s="1" t="s">
        <v>31</v>
      </c>
      <c r="K4" s="1" t="s">
        <v>219</v>
      </c>
      <c r="M4" s="1" t="s">
        <v>45</v>
      </c>
      <c r="N4" s="1" t="s">
        <v>34</v>
      </c>
      <c r="O4" s="1" t="s">
        <v>35</v>
      </c>
      <c r="P4" s="1" t="s">
        <v>36</v>
      </c>
      <c r="Q4" s="1" t="s">
        <v>43</v>
      </c>
      <c r="R4" s="1" t="s">
        <v>92</v>
      </c>
      <c r="S4" s="1" t="s">
        <v>133</v>
      </c>
      <c r="T4" s="1" t="s">
        <v>54</v>
      </c>
      <c r="U4" s="1">
        <v>10.9</v>
      </c>
      <c r="V4" s="3">
        <v>170</v>
      </c>
      <c r="W4" s="1" t="s">
        <v>342</v>
      </c>
      <c r="X4" s="1">
        <v>0.94</v>
      </c>
      <c r="Y4" s="1">
        <v>7.1999999999999995E-2</v>
      </c>
      <c r="Z4" s="1">
        <v>2.8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77</v>
      </c>
      <c r="BD4" s="1">
        <v>0.82</v>
      </c>
      <c r="BE4" s="1"/>
      <c r="BF4" s="1"/>
      <c r="BG4" s="1"/>
      <c r="BH4" s="1"/>
      <c r="BI4" s="1"/>
      <c r="BJ4" s="1"/>
      <c r="BK4" s="1"/>
      <c r="BL4" s="1"/>
      <c r="BM4" s="1" t="s">
        <v>359</v>
      </c>
      <c r="BN4" s="1">
        <v>4.5999999999999999E-2</v>
      </c>
      <c r="BO4" s="1">
        <v>15</v>
      </c>
      <c r="BP4" s="1">
        <v>4.5</v>
      </c>
      <c r="BQ4" s="1"/>
      <c r="BR4" s="1"/>
      <c r="BS4" s="1"/>
      <c r="BT4" s="1">
        <v>4</v>
      </c>
      <c r="BU4" s="1"/>
      <c r="BV4" s="1"/>
      <c r="BW4" s="1"/>
      <c r="BX4" s="1"/>
      <c r="BY4" s="1"/>
      <c r="BZ4" s="1"/>
    </row>
    <row r="5" spans="1:78" x14ac:dyDescent="0.15">
      <c r="B5" s="2">
        <v>0.41319444444444442</v>
      </c>
      <c r="C5" s="1" t="s">
        <v>333</v>
      </c>
      <c r="D5" s="1" t="s">
        <v>27</v>
      </c>
      <c r="E5" s="1" t="s">
        <v>28</v>
      </c>
      <c r="G5" s="1" t="s">
        <v>209</v>
      </c>
      <c r="J5" s="1" t="s">
        <v>81</v>
      </c>
      <c r="N5" s="1" t="s">
        <v>34</v>
      </c>
      <c r="P5" s="1" t="s">
        <v>36</v>
      </c>
      <c r="Q5" s="1" t="s">
        <v>43</v>
      </c>
      <c r="R5" s="1" t="s">
        <v>111</v>
      </c>
      <c r="S5" s="1" t="s">
        <v>133</v>
      </c>
      <c r="T5" s="1" t="s">
        <v>54</v>
      </c>
      <c r="U5" s="1">
        <v>10.199999999999999</v>
      </c>
      <c r="V5" s="1"/>
      <c r="W5" s="1"/>
      <c r="X5" s="1">
        <v>0.98</v>
      </c>
      <c r="Y5" s="1">
        <v>7.9000000000000001E-2</v>
      </c>
      <c r="Z5" s="1">
        <v>6.8999999999999999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78</v>
      </c>
      <c r="BD5" s="1">
        <v>0.83</v>
      </c>
      <c r="BE5" s="1"/>
      <c r="BF5" s="1"/>
      <c r="BG5" s="1"/>
      <c r="BH5" s="1"/>
      <c r="BI5" s="1"/>
      <c r="BJ5" s="1"/>
      <c r="BK5" s="1"/>
      <c r="BL5" s="1"/>
      <c r="BM5" s="1">
        <v>0.04</v>
      </c>
      <c r="BN5" s="1">
        <v>5.1999999999999998E-2</v>
      </c>
      <c r="BO5" s="1">
        <v>15</v>
      </c>
      <c r="BP5" s="1">
        <v>5.4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41319444444444442</v>
      </c>
      <c r="C6" s="1" t="s">
        <v>375</v>
      </c>
      <c r="D6" s="1" t="s">
        <v>27</v>
      </c>
      <c r="E6" s="1" t="s">
        <v>28</v>
      </c>
      <c r="J6" s="1" t="s">
        <v>183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43</v>
      </c>
      <c r="AI6" s="1"/>
      <c r="AJ6" s="1"/>
      <c r="AK6" s="1"/>
      <c r="AL6" s="1" t="s">
        <v>344</v>
      </c>
      <c r="AM6" s="1"/>
      <c r="AN6" s="1"/>
      <c r="AO6" s="1"/>
      <c r="AP6" t="s">
        <v>344</v>
      </c>
      <c r="AQ6" s="1"/>
      <c r="AR6" s="1" t="s">
        <v>344</v>
      </c>
      <c r="AS6" s="1" t="s">
        <v>34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7</v>
      </c>
      <c r="B7" s="2">
        <v>0.40347222222222223</v>
      </c>
      <c r="C7" s="1" t="s">
        <v>332</v>
      </c>
      <c r="D7" s="1" t="s">
        <v>27</v>
      </c>
      <c r="E7" s="1" t="s">
        <v>334</v>
      </c>
      <c r="F7" s="1" t="s">
        <v>220</v>
      </c>
      <c r="G7" s="1" t="s">
        <v>60</v>
      </c>
      <c r="J7" s="1" t="s">
        <v>31</v>
      </c>
      <c r="K7" s="1" t="s">
        <v>81</v>
      </c>
      <c r="M7" s="1" t="s">
        <v>45</v>
      </c>
      <c r="N7" s="1" t="s">
        <v>34</v>
      </c>
      <c r="O7" s="1" t="s">
        <v>35</v>
      </c>
      <c r="P7" s="1" t="s">
        <v>36</v>
      </c>
      <c r="Q7" s="1" t="s">
        <v>78</v>
      </c>
      <c r="R7" s="1" t="s">
        <v>45</v>
      </c>
      <c r="S7" s="1" t="s">
        <v>131</v>
      </c>
      <c r="T7" s="1" t="s">
        <v>221</v>
      </c>
      <c r="U7" s="1">
        <v>13.3</v>
      </c>
      <c r="V7" s="3">
        <v>13</v>
      </c>
      <c r="W7" s="1" t="s">
        <v>342</v>
      </c>
      <c r="X7" s="1">
        <v>0.88</v>
      </c>
      <c r="Y7" s="1">
        <v>7.5999999999999998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52</v>
      </c>
      <c r="BD7" s="1">
        <v>0.56999999999999995</v>
      </c>
      <c r="BE7" s="1"/>
      <c r="BF7" s="1"/>
      <c r="BG7" s="1"/>
      <c r="BH7" s="1"/>
      <c r="BI7" s="1"/>
      <c r="BJ7" s="1"/>
      <c r="BK7" s="1"/>
      <c r="BL7" s="1"/>
      <c r="BM7" s="1" t="s">
        <v>359</v>
      </c>
      <c r="BN7" s="1">
        <v>1.4999999999999999E-2</v>
      </c>
      <c r="BO7" s="1">
        <v>13</v>
      </c>
      <c r="BP7" s="1">
        <v>4.0999999999999996</v>
      </c>
      <c r="BQ7" s="1"/>
      <c r="BR7" s="1"/>
      <c r="BS7" s="1"/>
      <c r="BT7" s="1">
        <v>15</v>
      </c>
      <c r="BU7" s="1"/>
      <c r="BV7" s="1"/>
      <c r="BW7" s="1"/>
      <c r="BX7" s="1"/>
      <c r="BY7" s="1"/>
      <c r="BZ7" s="1"/>
    </row>
    <row r="8" spans="1:78" x14ac:dyDescent="0.15">
      <c r="B8" s="2">
        <v>0.40347222222222223</v>
      </c>
      <c r="C8" s="1" t="s">
        <v>333</v>
      </c>
      <c r="D8" s="1" t="s">
        <v>27</v>
      </c>
      <c r="E8" s="1" t="s">
        <v>334</v>
      </c>
      <c r="G8" s="1" t="s">
        <v>207</v>
      </c>
      <c r="J8" s="1" t="s">
        <v>147</v>
      </c>
      <c r="N8" s="1" t="s">
        <v>34</v>
      </c>
      <c r="P8" s="1" t="s">
        <v>36</v>
      </c>
      <c r="Q8" s="1" t="s">
        <v>51</v>
      </c>
      <c r="R8" s="1" t="s">
        <v>189</v>
      </c>
      <c r="S8" s="1" t="s">
        <v>52</v>
      </c>
      <c r="T8" s="1" t="s">
        <v>54</v>
      </c>
      <c r="U8" s="1">
        <v>9.6</v>
      </c>
      <c r="V8" s="1"/>
      <c r="W8" s="1"/>
      <c r="X8" s="1">
        <v>0.98</v>
      </c>
      <c r="Y8" s="1">
        <v>0.08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0.79</v>
      </c>
      <c r="BD8" s="1">
        <v>0.84</v>
      </c>
      <c r="BE8" s="1"/>
      <c r="BF8" s="1"/>
      <c r="BG8" s="1"/>
      <c r="BH8" s="1"/>
      <c r="BI8" s="1"/>
      <c r="BJ8" s="1"/>
      <c r="BK8" s="1"/>
      <c r="BL8" s="1"/>
      <c r="BM8" s="1" t="s">
        <v>359</v>
      </c>
      <c r="BN8" s="1">
        <v>0.05</v>
      </c>
      <c r="BO8" s="1">
        <v>14</v>
      </c>
      <c r="BP8" s="1">
        <v>4.3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40347222222222223</v>
      </c>
      <c r="C9" s="1" t="s">
        <v>375</v>
      </c>
      <c r="D9" s="1" t="s">
        <v>27</v>
      </c>
      <c r="E9" s="1" t="s">
        <v>334</v>
      </c>
      <c r="J9" s="1" t="s">
        <v>190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43</v>
      </c>
      <c r="AI9" s="1"/>
      <c r="AJ9" s="1"/>
      <c r="AK9" s="1"/>
      <c r="AL9" s="1" t="s">
        <v>344</v>
      </c>
      <c r="AM9" s="1"/>
      <c r="AN9" s="1"/>
      <c r="AO9" s="1"/>
      <c r="AP9" t="s">
        <v>344</v>
      </c>
      <c r="AQ9" s="1"/>
      <c r="AR9" s="1" t="s">
        <v>344</v>
      </c>
      <c r="AS9" s="1" t="s">
        <v>34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055555555555555</v>
      </c>
      <c r="C10" s="1" t="s">
        <v>332</v>
      </c>
      <c r="D10" s="1" t="s">
        <v>27</v>
      </c>
      <c r="E10" s="1" t="s">
        <v>28</v>
      </c>
      <c r="F10" s="1" t="s">
        <v>222</v>
      </c>
      <c r="G10" s="1" t="s">
        <v>200</v>
      </c>
      <c r="J10" s="1" t="s">
        <v>31</v>
      </c>
      <c r="K10" s="1" t="s">
        <v>223</v>
      </c>
      <c r="M10" s="1" t="s">
        <v>129</v>
      </c>
      <c r="N10" s="1" t="s">
        <v>34</v>
      </c>
      <c r="O10" s="1" t="s">
        <v>35</v>
      </c>
      <c r="P10" s="1" t="s">
        <v>36</v>
      </c>
      <c r="Q10" s="1" t="s">
        <v>113</v>
      </c>
      <c r="R10" s="1" t="s">
        <v>77</v>
      </c>
      <c r="S10" s="1" t="s">
        <v>129</v>
      </c>
      <c r="T10" s="1" t="s">
        <v>68</v>
      </c>
      <c r="U10" s="1">
        <v>10.3</v>
      </c>
      <c r="V10" s="3">
        <v>33</v>
      </c>
      <c r="W10" s="1" t="s">
        <v>342</v>
      </c>
      <c r="X10" s="1">
        <v>0.92</v>
      </c>
      <c r="Y10" s="1">
        <v>5.3999999999999999E-2</v>
      </c>
      <c r="Z10" s="1">
        <v>3.2000000000000002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68</v>
      </c>
      <c r="BD10" s="1">
        <v>0.73</v>
      </c>
      <c r="BE10" s="1"/>
      <c r="BF10" s="1"/>
      <c r="BG10" s="1"/>
      <c r="BH10" s="1"/>
      <c r="BI10" s="1"/>
      <c r="BJ10" s="1"/>
      <c r="BK10" s="1"/>
      <c r="BL10" s="1"/>
      <c r="BM10" s="1" t="s">
        <v>359</v>
      </c>
      <c r="BN10" s="1">
        <v>3.2000000000000001E-2</v>
      </c>
      <c r="BO10" s="1">
        <v>15</v>
      </c>
      <c r="BP10" s="1">
        <v>5.0999999999999996</v>
      </c>
      <c r="BQ10" s="1"/>
      <c r="BR10" s="1"/>
      <c r="BS10" s="1"/>
      <c r="BT10" s="1">
        <v>17</v>
      </c>
      <c r="BU10" s="1"/>
      <c r="BV10" s="1"/>
      <c r="BW10" s="1"/>
      <c r="BX10" s="1"/>
      <c r="BY10" s="1"/>
      <c r="BZ10" s="1"/>
    </row>
    <row r="11" spans="1:78" x14ac:dyDescent="0.15">
      <c r="B11" s="2">
        <v>0.4055555555555555</v>
      </c>
      <c r="C11" s="1" t="s">
        <v>333</v>
      </c>
      <c r="D11" s="1" t="s">
        <v>27</v>
      </c>
      <c r="E11" s="1" t="s">
        <v>28</v>
      </c>
      <c r="G11" s="1" t="s">
        <v>60</v>
      </c>
      <c r="J11" s="1" t="s">
        <v>224</v>
      </c>
      <c r="N11" s="1" t="s">
        <v>34</v>
      </c>
      <c r="P11" s="1" t="s">
        <v>36</v>
      </c>
      <c r="Q11" s="1" t="s">
        <v>43</v>
      </c>
      <c r="R11" s="1" t="s">
        <v>33</v>
      </c>
      <c r="S11" s="1" t="s">
        <v>84</v>
      </c>
      <c r="T11" s="1" t="s">
        <v>54</v>
      </c>
      <c r="U11" s="1">
        <v>8.4</v>
      </c>
      <c r="V11" s="1"/>
      <c r="W11" s="1"/>
      <c r="X11" s="1">
        <v>1</v>
      </c>
      <c r="Y11" s="1">
        <v>6.7000000000000004E-2</v>
      </c>
      <c r="Z11" s="1">
        <v>2.700000000000000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77</v>
      </c>
      <c r="BD11" s="1">
        <v>0.82</v>
      </c>
      <c r="BE11" s="1"/>
      <c r="BF11" s="1"/>
      <c r="BG11" s="1"/>
      <c r="BH11" s="1"/>
      <c r="BI11" s="1"/>
      <c r="BJ11" s="1"/>
      <c r="BK11" s="1"/>
      <c r="BL11" s="1"/>
      <c r="BM11" s="1">
        <v>0.05</v>
      </c>
      <c r="BN11" s="1">
        <v>5.6000000000000001E-2</v>
      </c>
      <c r="BO11" s="1">
        <v>16</v>
      </c>
      <c r="BP11" s="1">
        <v>4.5999999999999996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055555555555555</v>
      </c>
      <c r="C12" s="1" t="s">
        <v>375</v>
      </c>
      <c r="D12" s="1" t="s">
        <v>27</v>
      </c>
      <c r="E12" s="1" t="s">
        <v>28</v>
      </c>
      <c r="J12" s="1" t="s">
        <v>225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43</v>
      </c>
      <c r="AI12" s="1"/>
      <c r="AJ12" s="1"/>
      <c r="AK12" s="1"/>
      <c r="AL12" s="1" t="s">
        <v>344</v>
      </c>
      <c r="AM12" s="1"/>
      <c r="AN12" s="1"/>
      <c r="AO12" s="1"/>
      <c r="AP12" t="s">
        <v>344</v>
      </c>
      <c r="AQ12" s="1"/>
      <c r="AR12" s="1" t="s">
        <v>344</v>
      </c>
      <c r="AS12" s="1" t="s">
        <v>34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41111111111111115</v>
      </c>
      <c r="C13" s="1" t="s">
        <v>332</v>
      </c>
      <c r="D13" s="1" t="s">
        <v>74</v>
      </c>
      <c r="E13" s="1" t="s">
        <v>28</v>
      </c>
      <c r="F13" s="1" t="s">
        <v>226</v>
      </c>
      <c r="G13" s="1" t="s">
        <v>226</v>
      </c>
      <c r="J13" s="1" t="s">
        <v>31</v>
      </c>
      <c r="K13" s="1" t="s">
        <v>227</v>
      </c>
      <c r="M13" s="1" t="s">
        <v>39</v>
      </c>
      <c r="N13" s="1" t="s">
        <v>34</v>
      </c>
      <c r="O13" s="1" t="s">
        <v>35</v>
      </c>
      <c r="P13" s="1" t="s">
        <v>36</v>
      </c>
      <c r="Q13" s="1" t="s">
        <v>132</v>
      </c>
      <c r="R13" s="1" t="s">
        <v>45</v>
      </c>
      <c r="S13" s="1" t="s">
        <v>146</v>
      </c>
      <c r="T13" s="1" t="s">
        <v>68</v>
      </c>
      <c r="U13" s="1">
        <v>13.4</v>
      </c>
      <c r="V13" s="1" t="s">
        <v>349</v>
      </c>
      <c r="W13" s="1" t="s">
        <v>342</v>
      </c>
      <c r="X13" s="1">
        <v>0.86</v>
      </c>
      <c r="Y13" s="1">
        <v>5.1999999999999998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4</v>
      </c>
      <c r="BD13" s="1">
        <v>0.45</v>
      </c>
      <c r="BE13" s="1"/>
      <c r="BF13" s="1"/>
      <c r="BG13" s="1"/>
      <c r="BH13" s="1"/>
      <c r="BI13" s="1"/>
      <c r="BJ13" s="1"/>
      <c r="BK13" s="1"/>
      <c r="BL13" s="1"/>
      <c r="BM13" s="1" t="s">
        <v>359</v>
      </c>
      <c r="BN13" s="1" t="s">
        <v>348</v>
      </c>
      <c r="BO13" s="1">
        <v>15</v>
      </c>
      <c r="BP13" s="1">
        <v>4.7</v>
      </c>
      <c r="BQ13" s="1"/>
      <c r="BR13" s="1"/>
      <c r="BS13" s="1"/>
      <c r="BT13" s="1">
        <v>18</v>
      </c>
      <c r="BU13" s="1"/>
      <c r="BV13" s="1"/>
      <c r="BW13" s="1"/>
      <c r="BX13" s="1"/>
      <c r="BY13" s="1"/>
      <c r="BZ13" s="1"/>
    </row>
    <row r="14" spans="1:78" x14ac:dyDescent="0.15">
      <c r="B14" s="2">
        <v>0.41111111111111115</v>
      </c>
      <c r="C14" s="1" t="s">
        <v>333</v>
      </c>
      <c r="D14" s="1" t="s">
        <v>74</v>
      </c>
      <c r="E14" s="1" t="s">
        <v>28</v>
      </c>
      <c r="G14" s="1" t="s">
        <v>170</v>
      </c>
      <c r="J14" s="1" t="s">
        <v>228</v>
      </c>
      <c r="N14" s="1" t="s">
        <v>34</v>
      </c>
      <c r="P14" s="1" t="s">
        <v>36</v>
      </c>
      <c r="Q14" s="1" t="s">
        <v>83</v>
      </c>
      <c r="R14" s="1" t="s">
        <v>111</v>
      </c>
      <c r="S14" s="1" t="s">
        <v>131</v>
      </c>
      <c r="T14" s="1" t="s">
        <v>54</v>
      </c>
      <c r="U14" s="1">
        <v>7.3</v>
      </c>
      <c r="V14" s="1"/>
      <c r="W14" s="1"/>
      <c r="X14" s="1">
        <v>1</v>
      </c>
      <c r="Y14" s="1">
        <v>4.8000000000000001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0.78</v>
      </c>
      <c r="BD14" s="1">
        <v>0.83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2.4E-2</v>
      </c>
      <c r="BO14" s="1">
        <v>16</v>
      </c>
      <c r="BP14" s="1">
        <v>4.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1111111111111115</v>
      </c>
      <c r="C15" s="1" t="s">
        <v>375</v>
      </c>
      <c r="D15" s="1" t="s">
        <v>74</v>
      </c>
      <c r="E15" s="1" t="s">
        <v>28</v>
      </c>
      <c r="J15" s="1" t="s">
        <v>183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43</v>
      </c>
      <c r="AI15" s="1"/>
      <c r="AJ15" s="1"/>
      <c r="AK15" s="1"/>
      <c r="AL15" s="1" t="s">
        <v>344</v>
      </c>
      <c r="AM15" s="1"/>
      <c r="AN15" s="1"/>
      <c r="AO15" s="1"/>
      <c r="AP15" t="s">
        <v>344</v>
      </c>
      <c r="AQ15" s="1"/>
      <c r="AR15" s="1" t="s">
        <v>344</v>
      </c>
      <c r="AS15" s="1" t="s">
        <v>344</v>
      </c>
      <c r="AT15" s="1"/>
      <c r="AU15" s="1" t="s">
        <v>343</v>
      </c>
      <c r="AV15" s="1" t="s">
        <v>345</v>
      </c>
      <c r="AW15" s="1" t="s">
        <v>34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343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7</v>
      </c>
      <c r="B16" s="2">
        <v>0.42291666666666666</v>
      </c>
      <c r="C16" s="1" t="s">
        <v>332</v>
      </c>
      <c r="D16" s="1" t="s">
        <v>27</v>
      </c>
      <c r="E16" s="1" t="s">
        <v>28</v>
      </c>
      <c r="F16" s="1" t="s">
        <v>229</v>
      </c>
      <c r="G16" s="1" t="s">
        <v>230</v>
      </c>
      <c r="J16" s="1" t="s">
        <v>31</v>
      </c>
      <c r="K16" s="1" t="s">
        <v>228</v>
      </c>
      <c r="M16" s="1" t="s">
        <v>122</v>
      </c>
      <c r="N16" s="1" t="s">
        <v>63</v>
      </c>
      <c r="O16" s="1" t="s">
        <v>35</v>
      </c>
      <c r="P16" s="1" t="s">
        <v>36</v>
      </c>
      <c r="Q16" s="1" t="s">
        <v>132</v>
      </c>
      <c r="R16" s="1" t="s">
        <v>45</v>
      </c>
      <c r="S16" s="1" t="s">
        <v>185</v>
      </c>
      <c r="T16" s="1" t="s">
        <v>191</v>
      </c>
      <c r="U16" s="1">
        <v>12.9</v>
      </c>
      <c r="V16" s="3">
        <v>23</v>
      </c>
      <c r="W16" s="1" t="s">
        <v>342</v>
      </c>
      <c r="X16" s="1">
        <v>0.81</v>
      </c>
      <c r="Y16" s="1">
        <v>4.4999999999999998E-2</v>
      </c>
      <c r="Z16" s="1">
        <v>1.1999999999999999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53</v>
      </c>
      <c r="BD16" s="1">
        <v>0.57999999999999996</v>
      </c>
      <c r="BE16" s="1"/>
      <c r="BF16" s="1"/>
      <c r="BG16" s="1"/>
      <c r="BH16" s="1"/>
      <c r="BI16" s="1"/>
      <c r="BJ16" s="1"/>
      <c r="BK16" s="1"/>
      <c r="BL16" s="1"/>
      <c r="BM16" s="1" t="s">
        <v>359</v>
      </c>
      <c r="BN16" s="1">
        <v>8.0000000000000002E-3</v>
      </c>
      <c r="BO16" s="1">
        <v>17</v>
      </c>
      <c r="BP16" s="1">
        <v>3.4</v>
      </c>
      <c r="BQ16" s="1"/>
      <c r="BR16" s="1" t="s">
        <v>360</v>
      </c>
      <c r="BS16" s="1" t="s">
        <v>348</v>
      </c>
      <c r="BT16" s="1">
        <v>34</v>
      </c>
      <c r="BU16" s="1"/>
      <c r="BV16" s="1"/>
      <c r="BW16" s="1"/>
      <c r="BX16" s="1"/>
      <c r="BY16" s="1"/>
      <c r="BZ16" s="1"/>
    </row>
    <row r="17" spans="1:78" x14ac:dyDescent="0.15">
      <c r="B17" s="2">
        <v>0.42291666666666666</v>
      </c>
      <c r="C17" s="1" t="s">
        <v>333</v>
      </c>
      <c r="D17" s="1" t="s">
        <v>27</v>
      </c>
      <c r="E17" s="1" t="s">
        <v>28</v>
      </c>
      <c r="G17" s="1" t="s">
        <v>172</v>
      </c>
      <c r="J17" s="1" t="s">
        <v>231</v>
      </c>
      <c r="N17" s="1" t="s">
        <v>63</v>
      </c>
      <c r="P17" s="1" t="s">
        <v>36</v>
      </c>
      <c r="Q17" s="1" t="s">
        <v>102</v>
      </c>
      <c r="R17" s="1" t="s">
        <v>31</v>
      </c>
      <c r="S17" s="1" t="s">
        <v>122</v>
      </c>
      <c r="T17" s="1" t="s">
        <v>204</v>
      </c>
      <c r="U17" s="1">
        <v>6.4</v>
      </c>
      <c r="V17" s="1"/>
      <c r="W17" s="1"/>
      <c r="X17" s="1">
        <v>0.91</v>
      </c>
      <c r="Y17" s="1">
        <v>5.1999999999999998E-2</v>
      </c>
      <c r="Z17" s="1">
        <v>1.1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74</v>
      </c>
      <c r="BD17" s="1">
        <v>0.79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3.5000000000000003E-2</v>
      </c>
      <c r="BO17" s="1">
        <v>15</v>
      </c>
      <c r="BP17" s="1">
        <v>3.7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2291666666666666</v>
      </c>
      <c r="C18" s="1" t="s">
        <v>375</v>
      </c>
      <c r="D18" s="1" t="s">
        <v>27</v>
      </c>
      <c r="E18" s="1" t="s">
        <v>28</v>
      </c>
      <c r="J18" s="1" t="s">
        <v>190</v>
      </c>
      <c r="N18" s="1" t="s">
        <v>63</v>
      </c>
      <c r="U18" s="1"/>
      <c r="V18" s="1"/>
      <c r="W18" s="1"/>
      <c r="X18" s="1"/>
      <c r="Y18" s="1"/>
      <c r="Z18" s="1"/>
      <c r="AA18" s="1"/>
      <c r="AB18" s="1"/>
      <c r="AC18" s="1" t="s">
        <v>345</v>
      </c>
      <c r="AD18" s="1" t="s">
        <v>346</v>
      </c>
      <c r="AE18" s="1" t="s">
        <v>343</v>
      </c>
      <c r="AF18" s="1" t="s">
        <v>347</v>
      </c>
      <c r="AG18" s="1" t="s">
        <v>348</v>
      </c>
      <c r="AH18" s="1" t="s">
        <v>343</v>
      </c>
      <c r="AI18" s="1"/>
      <c r="AJ18" s="1" t="s">
        <v>343</v>
      </c>
      <c r="AK18" s="1" t="s">
        <v>344</v>
      </c>
      <c r="AL18" s="1" t="s">
        <v>344</v>
      </c>
      <c r="AM18" s="1" t="s">
        <v>344</v>
      </c>
      <c r="AN18" s="1" t="s">
        <v>344</v>
      </c>
      <c r="AO18" s="1" t="s">
        <v>344</v>
      </c>
      <c r="AP18" t="s">
        <v>344</v>
      </c>
      <c r="AQ18" s="1" t="s">
        <v>344</v>
      </c>
      <c r="AR18" s="1" t="s">
        <v>344</v>
      </c>
      <c r="AS18" s="1" t="s">
        <v>344</v>
      </c>
      <c r="AT18" s="1" t="s">
        <v>353</v>
      </c>
      <c r="AU18" s="1"/>
      <c r="AV18" s="1"/>
      <c r="AW18" s="1"/>
      <c r="AX18" s="1" t="s">
        <v>344</v>
      </c>
      <c r="AY18" s="1" t="s">
        <v>354</v>
      </c>
      <c r="AZ18" s="1" t="s">
        <v>355</v>
      </c>
      <c r="BA18" s="1" t="s">
        <v>347</v>
      </c>
      <c r="BB18" s="1"/>
      <c r="BC18" s="1"/>
      <c r="BD18" s="1"/>
      <c r="BE18" s="1" t="s">
        <v>348</v>
      </c>
      <c r="BF18" s="1" t="s">
        <v>348</v>
      </c>
      <c r="BG18" s="1">
        <v>1.4E-3</v>
      </c>
      <c r="BH18" s="1">
        <v>0.02</v>
      </c>
      <c r="BI18" s="1" t="s">
        <v>346</v>
      </c>
      <c r="BJ18" s="1" t="s">
        <v>347</v>
      </c>
      <c r="BK18" s="1"/>
      <c r="BL18" s="1" t="s">
        <v>361</v>
      </c>
      <c r="BM18" s="1"/>
      <c r="BN18" s="1"/>
      <c r="BO18" s="1"/>
      <c r="BP18" s="1"/>
      <c r="BQ18" s="1"/>
      <c r="BR18" s="1"/>
      <c r="BS18" s="1"/>
      <c r="BT18" s="1"/>
      <c r="BU18" s="1">
        <v>2.1000000000000001E-2</v>
      </c>
      <c r="BV18" s="1"/>
      <c r="BW18" s="1"/>
      <c r="BX18" s="1"/>
      <c r="BY18" s="1"/>
      <c r="BZ18" s="1"/>
    </row>
    <row r="19" spans="1:78" x14ac:dyDescent="0.15">
      <c r="A19" s="1" t="s">
        <v>99</v>
      </c>
      <c r="B19" s="2">
        <v>0.41666666666666669</v>
      </c>
      <c r="C19" s="1" t="s">
        <v>332</v>
      </c>
      <c r="D19" s="1" t="s">
        <v>27</v>
      </c>
      <c r="E19" s="1" t="s">
        <v>334</v>
      </c>
      <c r="F19" s="1" t="s">
        <v>220</v>
      </c>
      <c r="G19" s="1" t="s">
        <v>219</v>
      </c>
      <c r="J19" s="1" t="s">
        <v>31</v>
      </c>
      <c r="K19" s="1" t="s">
        <v>224</v>
      </c>
      <c r="M19" s="1" t="s">
        <v>38</v>
      </c>
      <c r="N19" s="1" t="s">
        <v>63</v>
      </c>
      <c r="O19" s="1" t="s">
        <v>232</v>
      </c>
      <c r="P19" s="1" t="s">
        <v>36</v>
      </c>
      <c r="Q19" s="1" t="s">
        <v>65</v>
      </c>
      <c r="R19" s="1" t="s">
        <v>46</v>
      </c>
      <c r="S19" s="1" t="s">
        <v>233</v>
      </c>
      <c r="T19" s="1" t="s">
        <v>54</v>
      </c>
      <c r="U19" s="1">
        <v>11</v>
      </c>
      <c r="V19" s="3">
        <v>13</v>
      </c>
      <c r="W19" s="1" t="s">
        <v>342</v>
      </c>
      <c r="X19" s="1">
        <v>0.99</v>
      </c>
      <c r="Y19" s="1">
        <v>7.3999999999999996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46</v>
      </c>
      <c r="BC19" s="1">
        <v>0.6</v>
      </c>
      <c r="BD19" s="1">
        <v>0.65</v>
      </c>
      <c r="BE19" s="1"/>
      <c r="BF19" s="1"/>
      <c r="BG19" s="1"/>
      <c r="BH19" s="1"/>
      <c r="BI19" s="1"/>
      <c r="BJ19" s="1"/>
      <c r="BK19" s="1"/>
      <c r="BL19" s="1"/>
      <c r="BM19" s="1" t="s">
        <v>359</v>
      </c>
      <c r="BN19" s="1">
        <v>0.01</v>
      </c>
      <c r="BO19" s="1">
        <v>13</v>
      </c>
      <c r="BP19" s="1">
        <v>3.4</v>
      </c>
      <c r="BQ19" s="1"/>
      <c r="BR19" s="1"/>
      <c r="BS19" s="1"/>
      <c r="BT19" s="1">
        <v>28</v>
      </c>
      <c r="BU19" s="1"/>
      <c r="BV19" s="1"/>
      <c r="BW19" s="1"/>
      <c r="BX19" s="1"/>
      <c r="BY19" s="1"/>
      <c r="BZ19" s="1"/>
    </row>
    <row r="20" spans="1:78" x14ac:dyDescent="0.15">
      <c r="B20" s="2">
        <v>0.41666666666666669</v>
      </c>
      <c r="C20" s="1" t="s">
        <v>333</v>
      </c>
      <c r="D20" s="1" t="s">
        <v>27</v>
      </c>
      <c r="E20" s="1" t="s">
        <v>334</v>
      </c>
      <c r="G20" s="1" t="s">
        <v>147</v>
      </c>
      <c r="J20" s="1" t="s">
        <v>234</v>
      </c>
      <c r="N20" s="1" t="s">
        <v>63</v>
      </c>
      <c r="P20" s="1" t="s">
        <v>36</v>
      </c>
      <c r="Q20" s="1" t="s">
        <v>37</v>
      </c>
      <c r="R20" s="1" t="s">
        <v>105</v>
      </c>
      <c r="S20" s="1" t="s">
        <v>77</v>
      </c>
      <c r="T20" s="1" t="s">
        <v>40</v>
      </c>
      <c r="U20" s="1">
        <v>8.3000000000000007</v>
      </c>
      <c r="V20" s="1"/>
      <c r="W20" s="1"/>
      <c r="X20" s="1">
        <v>0.89</v>
      </c>
      <c r="Y20" s="1">
        <v>0.05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346</v>
      </c>
      <c r="BC20" s="1">
        <v>0.78</v>
      </c>
      <c r="BD20" s="1">
        <v>0.83</v>
      </c>
      <c r="BE20" s="1"/>
      <c r="BF20" s="1"/>
      <c r="BG20" s="1"/>
      <c r="BH20" s="1"/>
      <c r="BI20" s="1"/>
      <c r="BJ20" s="1"/>
      <c r="BK20" s="1"/>
      <c r="BL20" s="1"/>
      <c r="BM20" s="1" t="s">
        <v>359</v>
      </c>
      <c r="BN20" s="1">
        <v>3.7999999999999999E-2</v>
      </c>
      <c r="BO20" s="1">
        <v>13</v>
      </c>
      <c r="BP20" s="1">
        <v>3.5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1666666666666669</v>
      </c>
      <c r="C21" s="1" t="s">
        <v>375</v>
      </c>
      <c r="D21" s="1" t="s">
        <v>27</v>
      </c>
      <c r="E21" s="1" t="s">
        <v>334</v>
      </c>
      <c r="J21" s="1" t="s">
        <v>235</v>
      </c>
      <c r="N21" s="1" t="s">
        <v>6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43</v>
      </c>
      <c r="AI21" s="1"/>
      <c r="AJ21" s="1"/>
      <c r="AK21" s="1"/>
      <c r="AL21" s="1" t="s">
        <v>344</v>
      </c>
      <c r="AM21" s="1"/>
      <c r="AN21" s="1"/>
      <c r="AO21" s="1"/>
      <c r="AP21" t="s">
        <v>344</v>
      </c>
      <c r="AQ21" s="1"/>
      <c r="AR21" s="1" t="s">
        <v>344</v>
      </c>
      <c r="AS21" s="1" t="s">
        <v>34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7</v>
      </c>
      <c r="B22" s="2">
        <v>0.40625</v>
      </c>
      <c r="C22" s="1" t="s">
        <v>332</v>
      </c>
      <c r="D22" s="1" t="s">
        <v>27</v>
      </c>
      <c r="E22" s="1" t="s">
        <v>28</v>
      </c>
      <c r="F22" s="1" t="s">
        <v>236</v>
      </c>
      <c r="G22" s="1" t="s">
        <v>55</v>
      </c>
      <c r="J22" s="1" t="s">
        <v>31</v>
      </c>
      <c r="K22" s="1" t="s">
        <v>169</v>
      </c>
      <c r="M22" s="1" t="s">
        <v>85</v>
      </c>
      <c r="N22" s="1" t="s">
        <v>34</v>
      </c>
      <c r="O22" s="1" t="s">
        <v>35</v>
      </c>
      <c r="P22" s="1" t="s">
        <v>36</v>
      </c>
      <c r="Q22" s="1" t="s">
        <v>83</v>
      </c>
      <c r="R22" s="1" t="s">
        <v>95</v>
      </c>
      <c r="S22" s="1" t="s">
        <v>38</v>
      </c>
      <c r="T22" s="1" t="s">
        <v>54</v>
      </c>
      <c r="U22" s="1">
        <v>9.8000000000000007</v>
      </c>
      <c r="V22" s="3">
        <v>49</v>
      </c>
      <c r="W22" s="1" t="s">
        <v>342</v>
      </c>
      <c r="X22" s="1">
        <v>1</v>
      </c>
      <c r="Y22" s="1">
        <v>4.9000000000000002E-2</v>
      </c>
      <c r="Z22" s="1">
        <v>1.2999999999999999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46</v>
      </c>
      <c r="BC22" s="1">
        <v>0.89</v>
      </c>
      <c r="BD22" s="1">
        <v>0.94</v>
      </c>
      <c r="BE22" s="1"/>
      <c r="BF22" s="1"/>
      <c r="BG22" s="1"/>
      <c r="BH22" s="1"/>
      <c r="BI22" s="1"/>
      <c r="BJ22" s="1"/>
      <c r="BK22" s="1"/>
      <c r="BL22" s="1"/>
      <c r="BM22" s="1" t="s">
        <v>359</v>
      </c>
      <c r="BN22" s="1">
        <v>3.6999999999999998E-2</v>
      </c>
      <c r="BO22" s="1">
        <v>17</v>
      </c>
      <c r="BP22" s="1">
        <v>4.0999999999999996</v>
      </c>
      <c r="BQ22" s="1"/>
      <c r="BR22" s="1"/>
      <c r="BS22" s="1"/>
      <c r="BT22" s="1">
        <v>3.6</v>
      </c>
      <c r="BU22" s="1"/>
      <c r="BV22" s="1"/>
      <c r="BW22" s="1"/>
      <c r="BX22" s="1"/>
      <c r="BY22" s="1"/>
      <c r="BZ22" s="1"/>
    </row>
    <row r="23" spans="1:78" x14ac:dyDescent="0.15">
      <c r="B23" s="2">
        <v>0.40625</v>
      </c>
      <c r="C23" s="1" t="s">
        <v>333</v>
      </c>
      <c r="D23" s="1" t="s">
        <v>27</v>
      </c>
      <c r="E23" s="1" t="s">
        <v>28</v>
      </c>
      <c r="G23" s="1" t="s">
        <v>55</v>
      </c>
      <c r="J23" s="1" t="s">
        <v>237</v>
      </c>
      <c r="N23" s="1" t="s">
        <v>34</v>
      </c>
      <c r="P23" s="1" t="s">
        <v>36</v>
      </c>
      <c r="Q23" s="1" t="s">
        <v>208</v>
      </c>
      <c r="R23" s="1" t="s">
        <v>31</v>
      </c>
      <c r="S23" s="1" t="s">
        <v>52</v>
      </c>
      <c r="T23" s="1" t="s">
        <v>238</v>
      </c>
      <c r="U23" s="1">
        <v>8.3000000000000007</v>
      </c>
      <c r="V23" s="1"/>
      <c r="W23" s="1"/>
      <c r="X23" s="1">
        <v>1.1000000000000001</v>
      </c>
      <c r="Y23" s="1">
        <v>6.4000000000000001E-2</v>
      </c>
      <c r="Z23" s="1">
        <v>2.8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46</v>
      </c>
      <c r="BC23" s="1">
        <v>0.93</v>
      </c>
      <c r="BD23" s="1">
        <v>0.98</v>
      </c>
      <c r="BE23" s="1"/>
      <c r="BF23" s="1"/>
      <c r="BG23" s="1"/>
      <c r="BH23" s="1"/>
      <c r="BI23" s="1"/>
      <c r="BJ23" s="1"/>
      <c r="BK23" s="1"/>
      <c r="BL23" s="1"/>
      <c r="BM23" s="1" t="s">
        <v>359</v>
      </c>
      <c r="BN23" s="1">
        <v>0.04</v>
      </c>
      <c r="BO23" s="1">
        <v>16</v>
      </c>
      <c r="BP23" s="1">
        <v>4.4000000000000004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0625</v>
      </c>
      <c r="C24" s="1" t="s">
        <v>375</v>
      </c>
      <c r="D24" s="1" t="s">
        <v>27</v>
      </c>
      <c r="E24" s="1" t="s">
        <v>28</v>
      </c>
      <c r="J24" s="1" t="s">
        <v>235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43</v>
      </c>
      <c r="AI24" s="1"/>
      <c r="AJ24" s="1"/>
      <c r="AK24" s="1"/>
      <c r="AL24" s="1" t="s">
        <v>344</v>
      </c>
      <c r="AM24" s="1"/>
      <c r="AN24" s="1"/>
      <c r="AO24" s="1"/>
      <c r="AP24" t="s">
        <v>344</v>
      </c>
      <c r="AQ24" s="1"/>
      <c r="AR24" s="1" t="s">
        <v>344</v>
      </c>
      <c r="AS24" s="1" t="s">
        <v>34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5</v>
      </c>
      <c r="B25" s="2">
        <v>0.40972222222222227</v>
      </c>
      <c r="C25" s="1" t="s">
        <v>332</v>
      </c>
      <c r="D25" s="1" t="s">
        <v>59</v>
      </c>
      <c r="E25" s="1" t="s">
        <v>28</v>
      </c>
      <c r="F25" s="1" t="s">
        <v>29</v>
      </c>
      <c r="G25" s="1" t="s">
        <v>167</v>
      </c>
      <c r="J25" s="1" t="s">
        <v>31</v>
      </c>
      <c r="K25" s="1" t="s">
        <v>239</v>
      </c>
      <c r="M25" s="1" t="s">
        <v>53</v>
      </c>
      <c r="N25" s="1" t="s">
        <v>34</v>
      </c>
      <c r="O25" s="1" t="s">
        <v>35</v>
      </c>
      <c r="P25" s="1" t="s">
        <v>36</v>
      </c>
      <c r="Q25" s="1" t="s">
        <v>83</v>
      </c>
      <c r="R25" s="1" t="s">
        <v>38</v>
      </c>
      <c r="S25" s="1" t="s">
        <v>96</v>
      </c>
      <c r="T25" s="1" t="s">
        <v>54</v>
      </c>
      <c r="U25" s="1">
        <v>10.9</v>
      </c>
      <c r="V25" s="3">
        <v>13</v>
      </c>
      <c r="W25" s="1" t="s">
        <v>342</v>
      </c>
      <c r="X25" s="1">
        <v>1</v>
      </c>
      <c r="Y25" s="1">
        <v>0.06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79</v>
      </c>
      <c r="BD25" s="1">
        <v>0.84</v>
      </c>
      <c r="BE25" s="1"/>
      <c r="BF25" s="1"/>
      <c r="BG25" s="1"/>
      <c r="BH25" s="1"/>
      <c r="BI25" s="1"/>
      <c r="BJ25" s="1"/>
      <c r="BK25" s="1"/>
      <c r="BL25" s="1"/>
      <c r="BM25" s="1" t="s">
        <v>359</v>
      </c>
      <c r="BN25" s="1">
        <v>3.5000000000000003E-2</v>
      </c>
      <c r="BO25" s="1">
        <v>19</v>
      </c>
      <c r="BP25" s="1">
        <v>4.7</v>
      </c>
      <c r="BQ25" s="1"/>
      <c r="BR25" s="1"/>
      <c r="BS25" s="1"/>
      <c r="BT25" s="1">
        <v>13</v>
      </c>
      <c r="BU25" s="1"/>
      <c r="BV25" s="1"/>
      <c r="BW25" s="1"/>
      <c r="BX25" s="1"/>
      <c r="BY25" s="1"/>
      <c r="BZ25" s="1"/>
    </row>
    <row r="26" spans="1:78" x14ac:dyDescent="0.15">
      <c r="B26" s="2">
        <v>0.40972222222222227</v>
      </c>
      <c r="C26" s="1" t="s">
        <v>333</v>
      </c>
      <c r="D26" s="1" t="s">
        <v>59</v>
      </c>
      <c r="E26" s="1" t="s">
        <v>28</v>
      </c>
      <c r="G26" s="1" t="s">
        <v>125</v>
      </c>
      <c r="J26" s="1" t="s">
        <v>101</v>
      </c>
      <c r="N26" s="1" t="s">
        <v>34</v>
      </c>
      <c r="P26" s="1" t="s">
        <v>36</v>
      </c>
      <c r="Q26" s="1" t="s">
        <v>51</v>
      </c>
      <c r="R26" s="1" t="s">
        <v>111</v>
      </c>
      <c r="S26" s="1" t="s">
        <v>96</v>
      </c>
      <c r="T26" s="1" t="s">
        <v>66</v>
      </c>
      <c r="U26" s="1">
        <v>9.6999999999999993</v>
      </c>
      <c r="V26" s="1"/>
      <c r="W26" s="1"/>
      <c r="X26" s="1">
        <v>1.1000000000000001</v>
      </c>
      <c r="Y26" s="1">
        <v>8.5000000000000006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9</v>
      </c>
      <c r="BD26" s="1">
        <v>0.95</v>
      </c>
      <c r="BE26" s="1"/>
      <c r="BF26" s="1"/>
      <c r="BG26" s="1"/>
      <c r="BH26" s="1"/>
      <c r="BI26" s="1"/>
      <c r="BJ26" s="1"/>
      <c r="BK26" s="1"/>
      <c r="BL26" s="1"/>
      <c r="BM26" s="1" t="s">
        <v>359</v>
      </c>
      <c r="BN26" s="1">
        <v>0.05</v>
      </c>
      <c r="BO26" s="1">
        <v>17</v>
      </c>
      <c r="BP26" s="1">
        <v>5.0999999999999996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0972222222222227</v>
      </c>
      <c r="C27" s="1" t="s">
        <v>375</v>
      </c>
      <c r="D27" s="1" t="s">
        <v>59</v>
      </c>
      <c r="E27" s="1" t="s">
        <v>28</v>
      </c>
      <c r="J27" s="1" t="s">
        <v>187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43</v>
      </c>
      <c r="AI27" s="1"/>
      <c r="AJ27" s="1"/>
      <c r="AK27" s="1"/>
      <c r="AL27" s="1" t="s">
        <v>344</v>
      </c>
      <c r="AM27" s="1"/>
      <c r="AN27" s="1"/>
      <c r="AO27" s="1"/>
      <c r="AP27" t="s">
        <v>344</v>
      </c>
      <c r="AQ27" s="1"/>
      <c r="AR27" s="1" t="s">
        <v>344</v>
      </c>
      <c r="AS27" s="1" t="s">
        <v>34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40138888888888885</v>
      </c>
      <c r="C28" s="1" t="s">
        <v>332</v>
      </c>
      <c r="D28" s="1" t="s">
        <v>59</v>
      </c>
      <c r="E28" s="1" t="s">
        <v>334</v>
      </c>
      <c r="F28" s="1" t="s">
        <v>55</v>
      </c>
      <c r="G28" s="1" t="s">
        <v>41</v>
      </c>
      <c r="J28" s="1" t="s">
        <v>31</v>
      </c>
      <c r="K28" s="1" t="s">
        <v>240</v>
      </c>
      <c r="M28" s="1" t="s">
        <v>85</v>
      </c>
      <c r="N28" s="1" t="s">
        <v>34</v>
      </c>
      <c r="O28" s="1" t="s">
        <v>35</v>
      </c>
      <c r="P28" s="1" t="s">
        <v>36</v>
      </c>
      <c r="Q28" s="1" t="s">
        <v>51</v>
      </c>
      <c r="R28" s="1" t="s">
        <v>52</v>
      </c>
      <c r="S28" s="1" t="s">
        <v>53</v>
      </c>
      <c r="T28" s="1" t="s">
        <v>54</v>
      </c>
      <c r="U28" s="1">
        <v>10</v>
      </c>
      <c r="V28" s="3">
        <v>23</v>
      </c>
      <c r="W28" s="1" t="s">
        <v>342</v>
      </c>
      <c r="X28" s="1">
        <v>1.1000000000000001</v>
      </c>
      <c r="Y28" s="1">
        <v>9.7000000000000003E-2</v>
      </c>
      <c r="Z28" s="1">
        <v>3.0999999999999999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95</v>
      </c>
      <c r="BD28" s="1">
        <v>1</v>
      </c>
      <c r="BF28" s="1"/>
      <c r="BG28" s="1"/>
      <c r="BH28" s="1"/>
      <c r="BI28" s="1"/>
      <c r="BJ28" s="1"/>
      <c r="BK28" s="1"/>
      <c r="BL28" s="1"/>
      <c r="BM28" s="1" t="s">
        <v>359</v>
      </c>
      <c r="BN28" s="1">
        <v>5.7000000000000002E-2</v>
      </c>
      <c r="BO28" s="1">
        <v>16</v>
      </c>
      <c r="BP28" s="1">
        <v>5</v>
      </c>
      <c r="BQ28" s="1"/>
      <c r="BR28" s="1"/>
      <c r="BS28" s="1"/>
      <c r="BT28" s="1">
        <v>14</v>
      </c>
      <c r="BU28" s="1"/>
      <c r="BV28" s="1"/>
      <c r="BW28" s="1"/>
      <c r="BX28" s="1"/>
      <c r="BY28" s="1"/>
      <c r="BZ28" s="1"/>
    </row>
    <row r="29" spans="1:78" x14ac:dyDescent="0.15">
      <c r="B29" s="2">
        <v>0.40138888888888885</v>
      </c>
      <c r="C29" s="1" t="s">
        <v>333</v>
      </c>
      <c r="D29" s="1" t="s">
        <v>59</v>
      </c>
      <c r="E29" s="1" t="s">
        <v>334</v>
      </c>
      <c r="G29" s="1" t="s">
        <v>241</v>
      </c>
      <c r="J29" s="1" t="s">
        <v>170</v>
      </c>
      <c r="N29" s="1" t="s">
        <v>34</v>
      </c>
      <c r="P29" s="1" t="s">
        <v>36</v>
      </c>
      <c r="Q29" s="1" t="s">
        <v>37</v>
      </c>
      <c r="R29" s="1" t="s">
        <v>111</v>
      </c>
      <c r="S29" s="1" t="s">
        <v>133</v>
      </c>
      <c r="T29" s="1" t="s">
        <v>54</v>
      </c>
      <c r="U29" s="1">
        <v>9.4</v>
      </c>
      <c r="V29" s="1"/>
      <c r="W29" s="1"/>
      <c r="X29" s="1">
        <v>1.1000000000000001</v>
      </c>
      <c r="Y29" s="1">
        <v>9.7000000000000003E-2</v>
      </c>
      <c r="Z29" s="1">
        <v>3.3999999999999998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85</v>
      </c>
      <c r="BD29" s="1">
        <v>0.9</v>
      </c>
      <c r="BF29" s="1"/>
      <c r="BG29" s="1"/>
      <c r="BH29" s="1"/>
      <c r="BI29" s="1"/>
      <c r="BJ29" s="1"/>
      <c r="BK29" s="1"/>
      <c r="BL29" s="1"/>
      <c r="BM29" s="1" t="s">
        <v>359</v>
      </c>
      <c r="BN29" s="1">
        <v>7.2999999999999995E-2</v>
      </c>
      <c r="BO29" s="1">
        <v>16</v>
      </c>
      <c r="BP29" s="1">
        <v>5.2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0138888888888885</v>
      </c>
      <c r="C30" s="1" t="s">
        <v>375</v>
      </c>
      <c r="D30" s="1" t="s">
        <v>59</v>
      </c>
      <c r="E30" s="1" t="s">
        <v>334</v>
      </c>
      <c r="J30" s="1" t="s">
        <v>242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43</v>
      </c>
      <c r="AI30" s="1"/>
      <c r="AJ30" s="1"/>
      <c r="AK30" s="1"/>
      <c r="AL30" s="1" t="s">
        <v>344</v>
      </c>
      <c r="AM30" s="1"/>
      <c r="AN30" s="1"/>
      <c r="AO30" s="1"/>
      <c r="AP30" t="s">
        <v>344</v>
      </c>
      <c r="AQ30" s="1"/>
      <c r="AR30" s="1" t="s">
        <v>344</v>
      </c>
      <c r="AS30" s="1" t="s">
        <v>34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41666666666666669</v>
      </c>
      <c r="C31" s="1" t="s">
        <v>332</v>
      </c>
      <c r="D31" s="1" t="s">
        <v>27</v>
      </c>
      <c r="E31" s="1" t="s">
        <v>28</v>
      </c>
      <c r="F31" s="1" t="s">
        <v>210</v>
      </c>
      <c r="G31" s="1" t="s">
        <v>37</v>
      </c>
      <c r="J31" s="1" t="s">
        <v>31</v>
      </c>
      <c r="K31" s="1" t="s">
        <v>243</v>
      </c>
      <c r="M31" s="1" t="s">
        <v>156</v>
      </c>
      <c r="N31" s="1" t="s">
        <v>34</v>
      </c>
      <c r="O31" s="1" t="s">
        <v>35</v>
      </c>
      <c r="P31" s="1" t="s">
        <v>36</v>
      </c>
      <c r="Q31" s="1" t="s">
        <v>51</v>
      </c>
      <c r="R31" s="1" t="s">
        <v>130</v>
      </c>
      <c r="S31" s="1" t="s">
        <v>45</v>
      </c>
      <c r="T31" s="1" t="s">
        <v>54</v>
      </c>
      <c r="U31" s="1">
        <v>10.4</v>
      </c>
      <c r="V31" s="3">
        <v>23</v>
      </c>
      <c r="W31" s="1" t="s">
        <v>342</v>
      </c>
      <c r="X31" s="1">
        <v>1.2</v>
      </c>
      <c r="Y31" s="1">
        <v>9.9000000000000005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1.1000000000000001</v>
      </c>
      <c r="BD31" s="1">
        <v>1.1000000000000001</v>
      </c>
      <c r="BF31" s="1"/>
      <c r="BG31" s="1"/>
      <c r="BH31" s="1"/>
      <c r="BI31" s="1"/>
      <c r="BJ31" s="1"/>
      <c r="BK31" s="1"/>
      <c r="BL31" s="1"/>
      <c r="BM31" s="1" t="s">
        <v>359</v>
      </c>
      <c r="BN31" s="1">
        <v>8.3000000000000004E-2</v>
      </c>
      <c r="BO31" s="1">
        <v>17</v>
      </c>
      <c r="BP31" s="1">
        <v>5.3</v>
      </c>
      <c r="BQ31" s="1"/>
      <c r="BR31" s="1"/>
      <c r="BS31" s="1"/>
      <c r="BT31" s="1">
        <v>1.4</v>
      </c>
      <c r="BU31" s="1"/>
      <c r="BV31" s="1"/>
      <c r="BW31" s="1"/>
      <c r="BX31" s="1"/>
      <c r="BY31" s="1"/>
      <c r="BZ31" s="1"/>
    </row>
    <row r="32" spans="1:78" x14ac:dyDescent="0.15">
      <c r="B32" s="2">
        <v>0.41666666666666669</v>
      </c>
      <c r="C32" s="1" t="s">
        <v>333</v>
      </c>
      <c r="D32" s="1" t="s">
        <v>27</v>
      </c>
      <c r="E32" s="1" t="s">
        <v>28</v>
      </c>
      <c r="G32" s="1" t="s">
        <v>164</v>
      </c>
      <c r="J32" s="1" t="s">
        <v>141</v>
      </c>
      <c r="N32" s="1" t="s">
        <v>34</v>
      </c>
      <c r="P32" s="1" t="s">
        <v>36</v>
      </c>
      <c r="Q32" s="1" t="s">
        <v>51</v>
      </c>
      <c r="R32" s="1" t="s">
        <v>33</v>
      </c>
      <c r="S32" s="1" t="s">
        <v>45</v>
      </c>
      <c r="T32" s="1" t="s">
        <v>54</v>
      </c>
      <c r="U32" s="1">
        <v>10.1</v>
      </c>
      <c r="V32" s="1"/>
      <c r="W32" s="1"/>
      <c r="X32" s="1">
        <v>1.2</v>
      </c>
      <c r="Y32" s="1">
        <v>9.7000000000000003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359</v>
      </c>
      <c r="BN32" s="1">
        <v>8.1000000000000003E-2</v>
      </c>
      <c r="BO32" s="1">
        <v>16</v>
      </c>
      <c r="BP32" s="1">
        <v>6.9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1666666666666669</v>
      </c>
      <c r="C33" s="1" t="s">
        <v>375</v>
      </c>
      <c r="D33" s="1" t="s">
        <v>27</v>
      </c>
      <c r="E33" s="1" t="s">
        <v>28</v>
      </c>
      <c r="J33" s="1" t="s">
        <v>244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43</v>
      </c>
      <c r="AI33" s="1"/>
      <c r="AJ33" s="1"/>
      <c r="AK33" s="1"/>
      <c r="AL33" s="1" t="s">
        <v>344</v>
      </c>
      <c r="AM33" s="1"/>
      <c r="AN33" s="1"/>
      <c r="AO33" s="1"/>
      <c r="AP33" t="s">
        <v>344</v>
      </c>
      <c r="AQ33" s="1"/>
      <c r="AR33" s="1" t="s">
        <v>344</v>
      </c>
      <c r="AS33" s="1" t="s">
        <v>34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5</v>
      </c>
      <c r="B34" s="2">
        <v>0.42499999999999999</v>
      </c>
      <c r="C34" s="1" t="s">
        <v>332</v>
      </c>
      <c r="D34" s="1" t="s">
        <v>27</v>
      </c>
      <c r="E34" s="1" t="s">
        <v>334</v>
      </c>
      <c r="F34" s="1" t="s">
        <v>151</v>
      </c>
      <c r="G34" s="1" t="s">
        <v>184</v>
      </c>
      <c r="J34" s="1" t="s">
        <v>31</v>
      </c>
      <c r="K34" s="1" t="s">
        <v>157</v>
      </c>
      <c r="M34" s="1" t="s">
        <v>53</v>
      </c>
      <c r="N34" s="1" t="s">
        <v>34</v>
      </c>
      <c r="O34" s="1" t="s">
        <v>35</v>
      </c>
      <c r="P34" s="1" t="s">
        <v>36</v>
      </c>
      <c r="Q34" s="1" t="s">
        <v>208</v>
      </c>
      <c r="R34" s="1" t="s">
        <v>33</v>
      </c>
      <c r="S34" s="1" t="s">
        <v>45</v>
      </c>
      <c r="T34" s="1" t="s">
        <v>40</v>
      </c>
      <c r="U34" s="1">
        <v>12.1</v>
      </c>
      <c r="V34" s="3">
        <v>33</v>
      </c>
      <c r="W34" s="1" t="s">
        <v>342</v>
      </c>
      <c r="X34" s="1">
        <v>1.2</v>
      </c>
      <c r="Y34" s="1">
        <v>0.11</v>
      </c>
      <c r="Z34" s="1">
        <v>1.8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1</v>
      </c>
      <c r="BD34" s="1">
        <v>1</v>
      </c>
      <c r="BF34" s="1"/>
      <c r="BG34" s="1"/>
      <c r="BH34" s="1"/>
      <c r="BI34" s="1"/>
      <c r="BJ34" s="1"/>
      <c r="BK34" s="1"/>
      <c r="BL34" s="1"/>
      <c r="BM34" s="1" t="s">
        <v>359</v>
      </c>
      <c r="BN34" s="1">
        <v>0.09</v>
      </c>
      <c r="BO34" s="1">
        <v>16</v>
      </c>
      <c r="BP34" s="1">
        <v>7.2</v>
      </c>
      <c r="BQ34" s="1"/>
      <c r="BR34" s="1" t="s">
        <v>360</v>
      </c>
      <c r="BS34" s="1" t="s">
        <v>348</v>
      </c>
      <c r="BT34" s="1">
        <v>4.9000000000000004</v>
      </c>
      <c r="BU34" s="1"/>
      <c r="BV34" s="1"/>
      <c r="BW34" s="1"/>
      <c r="BX34" s="1"/>
      <c r="BY34" s="1"/>
      <c r="BZ34" s="1"/>
    </row>
    <row r="35" spans="1:78" x14ac:dyDescent="0.15">
      <c r="B35" s="2">
        <v>0.42499999999999999</v>
      </c>
      <c r="C35" s="1" t="s">
        <v>333</v>
      </c>
      <c r="D35" s="1" t="s">
        <v>27</v>
      </c>
      <c r="E35" s="1" t="s">
        <v>334</v>
      </c>
      <c r="G35" s="1" t="s">
        <v>43</v>
      </c>
      <c r="J35" s="1" t="s">
        <v>245</v>
      </c>
      <c r="N35" s="1" t="s">
        <v>34</v>
      </c>
      <c r="P35" s="1" t="s">
        <v>36</v>
      </c>
      <c r="Q35" s="1" t="s">
        <v>43</v>
      </c>
      <c r="R35" s="1" t="s">
        <v>33</v>
      </c>
      <c r="S35" s="1" t="s">
        <v>39</v>
      </c>
      <c r="T35" s="1" t="s">
        <v>40</v>
      </c>
      <c r="U35" s="1">
        <v>10.6</v>
      </c>
      <c r="V35" s="1"/>
      <c r="W35" s="1"/>
      <c r="X35" s="1">
        <v>1.2</v>
      </c>
      <c r="Y35" s="1">
        <v>0.11</v>
      </c>
      <c r="Z35" s="1">
        <v>1.9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1</v>
      </c>
      <c r="BD35" s="1">
        <v>1</v>
      </c>
      <c r="BF35" s="1"/>
      <c r="BG35" s="1"/>
      <c r="BH35" s="1"/>
      <c r="BI35" s="1"/>
      <c r="BJ35" s="1"/>
      <c r="BK35" s="1"/>
      <c r="BL35" s="1"/>
      <c r="BM35" s="1" t="s">
        <v>359</v>
      </c>
      <c r="BN35" s="1">
        <v>7.4999999999999997E-2</v>
      </c>
      <c r="BO35" s="1">
        <v>17</v>
      </c>
      <c r="BP35" s="1">
        <v>6.1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2499999999999999</v>
      </c>
      <c r="C36" s="1" t="s">
        <v>375</v>
      </c>
      <c r="D36" s="1" t="s">
        <v>27</v>
      </c>
      <c r="E36" s="1" t="s">
        <v>334</v>
      </c>
      <c r="J36" s="1" t="s">
        <v>132</v>
      </c>
      <c r="N36" s="1" t="s">
        <v>34</v>
      </c>
      <c r="U36" s="1"/>
      <c r="V36" s="1"/>
      <c r="W36" s="1"/>
      <c r="X36" s="1"/>
      <c r="Y36" s="1"/>
      <c r="Z36" s="1"/>
      <c r="AC36" s="1" t="s">
        <v>345</v>
      </c>
      <c r="AD36" s="1" t="s">
        <v>346</v>
      </c>
      <c r="AE36" s="1" t="s">
        <v>343</v>
      </c>
      <c r="AF36" s="1" t="s">
        <v>347</v>
      </c>
      <c r="AG36" s="1" t="s">
        <v>348</v>
      </c>
      <c r="AH36" s="1" t="s">
        <v>343</v>
      </c>
      <c r="AI36" s="1"/>
      <c r="AJ36" s="1" t="s">
        <v>343</v>
      </c>
      <c r="AK36" s="1" t="s">
        <v>344</v>
      </c>
      <c r="AL36" s="1" t="s">
        <v>344</v>
      </c>
      <c r="AM36" s="1" t="s">
        <v>344</v>
      </c>
      <c r="AN36" s="1" t="s">
        <v>344</v>
      </c>
      <c r="AO36" s="1" t="s">
        <v>344</v>
      </c>
      <c r="AP36" t="s">
        <v>344</v>
      </c>
      <c r="AQ36" s="1" t="s">
        <v>344</v>
      </c>
      <c r="AR36" s="1" t="s">
        <v>344</v>
      </c>
      <c r="AS36" s="1" t="s">
        <v>344</v>
      </c>
      <c r="AT36" s="1" t="s">
        <v>353</v>
      </c>
      <c r="AU36" s="1"/>
      <c r="AV36" s="1"/>
      <c r="AW36" s="1"/>
      <c r="AX36" s="1" t="s">
        <v>344</v>
      </c>
      <c r="AY36" s="1" t="s">
        <v>354</v>
      </c>
      <c r="AZ36" s="1">
        <v>0.1</v>
      </c>
      <c r="BA36" s="1" t="s">
        <v>347</v>
      </c>
      <c r="BB36" s="1"/>
      <c r="BC36" s="1"/>
      <c r="BD36" s="1"/>
      <c r="BE36" t="s">
        <v>348</v>
      </c>
      <c r="BF36" s="1" t="s">
        <v>348</v>
      </c>
      <c r="BG36" s="1">
        <v>8.9999999999999998E-4</v>
      </c>
      <c r="BH36" s="1">
        <v>0.02</v>
      </c>
      <c r="BI36" s="1" t="s">
        <v>346</v>
      </c>
      <c r="BJ36" s="1" t="s">
        <v>347</v>
      </c>
      <c r="BK36" s="1"/>
      <c r="BL36" s="1" t="s">
        <v>361</v>
      </c>
      <c r="BM36" s="1"/>
      <c r="BN36" s="1"/>
      <c r="BO36" s="1"/>
      <c r="BP36" s="1"/>
      <c r="BQ36" s="1"/>
      <c r="BR36" s="1"/>
      <c r="BS36" s="1"/>
      <c r="BT36" s="1"/>
      <c r="BU36" s="1">
        <v>1.4999999999999999E-2</v>
      </c>
      <c r="BV36" s="1"/>
      <c r="BW36" s="1"/>
      <c r="BX36" s="1"/>
      <c r="BY36" s="1"/>
      <c r="BZ36" s="1"/>
    </row>
    <row r="37" spans="1:78" x14ac:dyDescent="0.15">
      <c r="A37" s="1" t="s">
        <v>137</v>
      </c>
      <c r="B37" s="2">
        <v>0.4145833333333333</v>
      </c>
      <c r="C37" s="1" t="s">
        <v>332</v>
      </c>
      <c r="D37" s="1" t="s">
        <v>27</v>
      </c>
      <c r="E37" s="1" t="s">
        <v>334</v>
      </c>
      <c r="F37" s="1" t="s">
        <v>161</v>
      </c>
      <c r="G37" s="1" t="s">
        <v>136</v>
      </c>
      <c r="J37" s="1" t="s">
        <v>31</v>
      </c>
      <c r="K37" s="1" t="s">
        <v>243</v>
      </c>
      <c r="M37" s="1" t="s">
        <v>122</v>
      </c>
      <c r="N37" s="1" t="s">
        <v>34</v>
      </c>
      <c r="O37" s="1" t="s">
        <v>35</v>
      </c>
      <c r="P37" s="1" t="s">
        <v>36</v>
      </c>
      <c r="Q37" s="1" t="s">
        <v>83</v>
      </c>
      <c r="R37" s="1" t="s">
        <v>44</v>
      </c>
      <c r="S37" s="1" t="s">
        <v>122</v>
      </c>
      <c r="T37" s="1" t="s">
        <v>40</v>
      </c>
      <c r="U37" s="1">
        <v>11.9</v>
      </c>
      <c r="V37" s="3">
        <v>23</v>
      </c>
      <c r="W37" s="1" t="s">
        <v>342</v>
      </c>
      <c r="X37" s="1">
        <v>1.2</v>
      </c>
      <c r="Y37" s="1">
        <v>0.11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1</v>
      </c>
      <c r="BD37" s="1">
        <v>1</v>
      </c>
      <c r="BF37" s="1"/>
      <c r="BG37" s="1"/>
      <c r="BH37" s="1"/>
      <c r="BI37" s="1"/>
      <c r="BJ37" s="1"/>
      <c r="BK37" s="1"/>
      <c r="BL37" s="1"/>
      <c r="BM37" s="1" t="s">
        <v>359</v>
      </c>
      <c r="BN37" s="1">
        <v>8.1000000000000003E-2</v>
      </c>
      <c r="BO37" s="1">
        <v>16</v>
      </c>
      <c r="BP37" s="1">
        <v>6.4</v>
      </c>
      <c r="BQ37" s="1"/>
      <c r="BR37" s="1"/>
      <c r="BS37" s="1"/>
      <c r="BT37" s="1">
        <v>15</v>
      </c>
      <c r="BU37" s="1"/>
      <c r="BV37" s="1"/>
      <c r="BW37" s="1"/>
      <c r="BX37" s="1"/>
      <c r="BY37" s="1"/>
      <c r="BZ37" s="1"/>
    </row>
    <row r="38" spans="1:78" x14ac:dyDescent="0.15">
      <c r="B38" s="2">
        <v>0.4145833333333333</v>
      </c>
      <c r="C38" s="1" t="s">
        <v>333</v>
      </c>
      <c r="D38" s="1" t="s">
        <v>27</v>
      </c>
      <c r="E38" s="1" t="s">
        <v>334</v>
      </c>
      <c r="G38" s="1" t="s">
        <v>184</v>
      </c>
      <c r="J38" s="1" t="s">
        <v>141</v>
      </c>
      <c r="N38" s="1" t="s">
        <v>34</v>
      </c>
      <c r="P38" s="1" t="s">
        <v>36</v>
      </c>
      <c r="Q38" s="1" t="s">
        <v>37</v>
      </c>
      <c r="R38" s="1" t="s">
        <v>130</v>
      </c>
      <c r="S38" s="1" t="s">
        <v>133</v>
      </c>
      <c r="T38" s="1" t="s">
        <v>191</v>
      </c>
      <c r="U38" s="1">
        <v>8.5</v>
      </c>
      <c r="V38" s="1"/>
      <c r="W38" s="1"/>
      <c r="X38" s="1">
        <v>1.3</v>
      </c>
      <c r="Y38" s="1">
        <v>0.1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1</v>
      </c>
      <c r="BD38" s="1">
        <v>1</v>
      </c>
      <c r="BF38" s="1"/>
      <c r="BG38" s="1"/>
      <c r="BH38" s="1"/>
      <c r="BI38" s="1"/>
      <c r="BJ38" s="1"/>
      <c r="BK38" s="1"/>
      <c r="BL38" s="1"/>
      <c r="BM38" s="1">
        <v>0.04</v>
      </c>
      <c r="BN38" s="1">
        <v>6.7000000000000004E-2</v>
      </c>
      <c r="BO38" s="1">
        <v>16</v>
      </c>
      <c r="BP38" s="1">
        <v>6.7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4145833333333333</v>
      </c>
      <c r="C39" s="1" t="s">
        <v>375</v>
      </c>
      <c r="D39" s="1" t="s">
        <v>27</v>
      </c>
      <c r="E39" s="1" t="s">
        <v>334</v>
      </c>
      <c r="J39" s="1" t="s">
        <v>244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43</v>
      </c>
      <c r="AI39" s="1"/>
      <c r="AJ39" s="1"/>
      <c r="AK39" s="1"/>
      <c r="AL39" s="1" t="s">
        <v>344</v>
      </c>
      <c r="AM39" s="1"/>
      <c r="AN39" s="1"/>
      <c r="AO39" s="1"/>
      <c r="AP39" t="s">
        <v>344</v>
      </c>
      <c r="AQ39" s="1"/>
      <c r="AR39" s="1" t="s">
        <v>344</v>
      </c>
      <c r="AS39" s="1" t="s">
        <v>344</v>
      </c>
      <c r="AT39" s="1"/>
      <c r="AU39" s="1" t="s">
        <v>343</v>
      </c>
      <c r="AV39" s="1" t="s">
        <v>345</v>
      </c>
      <c r="AW39" s="1" t="s">
        <v>34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343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4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21</v>
      </c>
      <c r="C1" s="1" t="s">
        <v>1</v>
      </c>
      <c r="D1" s="1" t="s">
        <v>338</v>
      </c>
      <c r="E1" s="1" t="s">
        <v>2</v>
      </c>
      <c r="F1" s="1" t="s">
        <v>323</v>
      </c>
      <c r="G1" s="1" t="s">
        <v>3</v>
      </c>
      <c r="H1" s="1" t="s">
        <v>32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325</v>
      </c>
      <c r="V2" s="1" t="s">
        <v>274</v>
      </c>
      <c r="W2" s="1" t="s">
        <v>339</v>
      </c>
      <c r="X2" s="1" t="s">
        <v>275</v>
      </c>
      <c r="Y2" s="1" t="s">
        <v>276</v>
      </c>
      <c r="Z2" s="1" t="s">
        <v>277</v>
      </c>
      <c r="AA2" s="1" t="s">
        <v>364</v>
      </c>
      <c r="AB2" s="1" t="s">
        <v>373</v>
      </c>
      <c r="AC2" s="1" t="s">
        <v>278</v>
      </c>
      <c r="AD2" s="1" t="s">
        <v>279</v>
      </c>
      <c r="AE2" s="1" t="s">
        <v>340</v>
      </c>
      <c r="AF2" s="1" t="s">
        <v>280</v>
      </c>
      <c r="AG2" s="1" t="s">
        <v>281</v>
      </c>
      <c r="AH2" s="1" t="s">
        <v>282</v>
      </c>
      <c r="AI2" s="1" t="s">
        <v>283</v>
      </c>
      <c r="AJ2" s="1" t="s">
        <v>284</v>
      </c>
      <c r="AK2" s="1" t="s">
        <v>285</v>
      </c>
      <c r="AL2" s="1" t="s">
        <v>286</v>
      </c>
      <c r="AM2" s="1" t="s">
        <v>287</v>
      </c>
      <c r="AN2" s="1" t="s">
        <v>288</v>
      </c>
      <c r="AO2" s="1" t="s">
        <v>289</v>
      </c>
      <c r="AP2" t="s">
        <v>362</v>
      </c>
      <c r="AQ2" s="1" t="s">
        <v>290</v>
      </c>
      <c r="AR2" s="1" t="s">
        <v>291</v>
      </c>
      <c r="AS2" s="1" t="s">
        <v>292</v>
      </c>
      <c r="AT2" s="1" t="s">
        <v>350</v>
      </c>
      <c r="AU2" s="1" t="s">
        <v>293</v>
      </c>
      <c r="AV2" s="1" t="s">
        <v>294</v>
      </c>
      <c r="AW2" s="1" t="s">
        <v>295</v>
      </c>
      <c r="AX2" s="1" t="s">
        <v>296</v>
      </c>
      <c r="AY2" s="1" t="s">
        <v>297</v>
      </c>
      <c r="AZ2" s="1" t="s">
        <v>298</v>
      </c>
      <c r="BA2" s="1" t="s">
        <v>299</v>
      </c>
      <c r="BB2" s="1" t="s">
        <v>300</v>
      </c>
      <c r="BC2" s="1" t="s">
        <v>301</v>
      </c>
      <c r="BD2" s="1" t="s">
        <v>302</v>
      </c>
      <c r="BE2" s="1" t="s">
        <v>368</v>
      </c>
      <c r="BF2" s="1" t="s">
        <v>303</v>
      </c>
      <c r="BG2" s="1" t="s">
        <v>351</v>
      </c>
      <c r="BH2" s="1" t="s">
        <v>352</v>
      </c>
      <c r="BI2" s="1" t="s">
        <v>304</v>
      </c>
      <c r="BJ2" s="1" t="s">
        <v>305</v>
      </c>
      <c r="BK2" s="1" t="s">
        <v>306</v>
      </c>
      <c r="BL2" s="1" t="s">
        <v>307</v>
      </c>
      <c r="BM2" s="1" t="s">
        <v>308</v>
      </c>
      <c r="BN2" s="1" t="s">
        <v>309</v>
      </c>
      <c r="BO2" s="1" t="s">
        <v>310</v>
      </c>
      <c r="BP2" s="1" t="s">
        <v>311</v>
      </c>
      <c r="BQ2" s="1" t="s">
        <v>312</v>
      </c>
      <c r="BR2" s="1" t="s">
        <v>313</v>
      </c>
      <c r="BS2" s="1" t="s">
        <v>314</v>
      </c>
      <c r="BT2" s="1" t="s">
        <v>315</v>
      </c>
      <c r="BU2" s="1" t="s">
        <v>316</v>
      </c>
      <c r="BV2" s="1" t="s">
        <v>317</v>
      </c>
      <c r="BW2" s="1" t="s">
        <v>318</v>
      </c>
      <c r="BX2" s="1" t="s">
        <v>319</v>
      </c>
      <c r="BY2" s="1" t="s">
        <v>320</v>
      </c>
      <c r="BZ2" s="1" t="s">
        <v>356</v>
      </c>
    </row>
    <row r="3" spans="1:78" x14ac:dyDescent="0.15">
      <c r="A3" s="1" t="s">
        <v>326</v>
      </c>
      <c r="B3" s="1" t="s">
        <v>327</v>
      </c>
      <c r="C3" s="1"/>
      <c r="D3" s="1"/>
      <c r="E3" s="1"/>
      <c r="F3" s="1" t="s">
        <v>328</v>
      </c>
      <c r="G3" s="1" t="s">
        <v>328</v>
      </c>
      <c r="H3" s="1" t="s">
        <v>329</v>
      </c>
      <c r="I3" s="1" t="s">
        <v>24</v>
      </c>
      <c r="J3" s="1" t="s">
        <v>330</v>
      </c>
      <c r="K3" s="1" t="s">
        <v>330</v>
      </c>
      <c r="L3" s="1" t="s">
        <v>331</v>
      </c>
      <c r="M3" s="1" t="s">
        <v>330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41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57</v>
      </c>
      <c r="BP3" s="1" t="s">
        <v>25</v>
      </c>
      <c r="BQ3" s="1" t="s">
        <v>358</v>
      </c>
      <c r="BR3" s="1" t="s">
        <v>25</v>
      </c>
      <c r="BS3" s="1" t="s">
        <v>25</v>
      </c>
      <c r="BT3" s="1" t="s">
        <v>36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236111111111111</v>
      </c>
      <c r="C4" s="1" t="s">
        <v>332</v>
      </c>
      <c r="D4" s="1" t="s">
        <v>27</v>
      </c>
      <c r="E4" s="1" t="s">
        <v>28</v>
      </c>
      <c r="F4" s="1" t="s">
        <v>246</v>
      </c>
      <c r="G4" s="1" t="s">
        <v>247</v>
      </c>
      <c r="J4" s="1" t="s">
        <v>31</v>
      </c>
      <c r="K4" s="1" t="s">
        <v>248</v>
      </c>
      <c r="M4" s="1" t="s">
        <v>77</v>
      </c>
      <c r="N4" s="1" t="s">
        <v>34</v>
      </c>
      <c r="O4" s="1" t="s">
        <v>35</v>
      </c>
      <c r="P4" s="1" t="s">
        <v>36</v>
      </c>
      <c r="Q4" s="1" t="s">
        <v>43</v>
      </c>
      <c r="R4" s="1" t="s">
        <v>111</v>
      </c>
      <c r="S4" s="1" t="s">
        <v>45</v>
      </c>
      <c r="T4" s="1" t="s">
        <v>54</v>
      </c>
      <c r="U4" s="1">
        <v>10.3</v>
      </c>
      <c r="V4" s="3">
        <v>79</v>
      </c>
      <c r="W4" s="1"/>
      <c r="X4" s="1">
        <v>0.93</v>
      </c>
      <c r="Y4" s="1">
        <v>7.0999999999999994E-2</v>
      </c>
      <c r="Z4" s="1">
        <v>3.700000000000000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75</v>
      </c>
      <c r="BD4" s="1">
        <v>0.8</v>
      </c>
      <c r="BE4" s="1"/>
      <c r="BF4" s="1"/>
      <c r="BG4" s="1"/>
      <c r="BH4" s="1"/>
      <c r="BI4" s="1"/>
      <c r="BJ4" s="1"/>
      <c r="BK4" s="1"/>
      <c r="BL4" s="1"/>
      <c r="BM4" s="1" t="s">
        <v>359</v>
      </c>
      <c r="BN4" s="1">
        <v>4.9000000000000002E-2</v>
      </c>
      <c r="BO4" s="1">
        <v>14</v>
      </c>
      <c r="BP4" s="1">
        <v>4.8</v>
      </c>
      <c r="BQ4" s="1"/>
      <c r="BR4" s="1"/>
      <c r="BS4" s="1"/>
      <c r="BT4" s="1">
        <v>2.9</v>
      </c>
      <c r="BU4" s="1"/>
      <c r="BV4" s="1"/>
      <c r="BW4" s="1"/>
      <c r="BX4" s="1"/>
      <c r="BY4" s="1"/>
      <c r="BZ4" s="1"/>
    </row>
    <row r="5" spans="1:78" x14ac:dyDescent="0.15">
      <c r="B5" s="2">
        <v>0.4236111111111111</v>
      </c>
      <c r="C5" s="1" t="s">
        <v>333</v>
      </c>
      <c r="D5" s="1" t="s">
        <v>27</v>
      </c>
      <c r="E5" s="1" t="s">
        <v>28</v>
      </c>
      <c r="G5" s="1" t="s">
        <v>29</v>
      </c>
      <c r="J5" s="1" t="s">
        <v>220</v>
      </c>
      <c r="N5" s="1" t="s">
        <v>34</v>
      </c>
      <c r="P5" s="1" t="s">
        <v>36</v>
      </c>
      <c r="Q5" s="1" t="s">
        <v>43</v>
      </c>
      <c r="R5" s="1" t="s">
        <v>130</v>
      </c>
      <c r="S5" s="1" t="s">
        <v>45</v>
      </c>
      <c r="T5" s="1" t="s">
        <v>68</v>
      </c>
      <c r="U5" s="1">
        <v>10.1</v>
      </c>
      <c r="V5" s="1"/>
      <c r="W5" s="1"/>
      <c r="X5" s="1">
        <v>0.92</v>
      </c>
      <c r="Y5" s="1">
        <v>6.9000000000000006E-2</v>
      </c>
      <c r="Z5" s="1">
        <v>4.3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75</v>
      </c>
      <c r="BD5" s="1">
        <v>0.8</v>
      </c>
      <c r="BE5" s="1"/>
      <c r="BF5" s="1"/>
      <c r="BG5" s="1"/>
      <c r="BH5" s="1"/>
      <c r="BI5" s="1"/>
      <c r="BJ5" s="1"/>
      <c r="BK5" s="1"/>
      <c r="BL5" s="1"/>
      <c r="BM5" s="1" t="s">
        <v>359</v>
      </c>
      <c r="BN5" s="1">
        <v>4.9000000000000002E-2</v>
      </c>
      <c r="BO5" s="1">
        <v>14</v>
      </c>
      <c r="BP5" s="1">
        <v>5.2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4236111111111111</v>
      </c>
      <c r="C6" s="1" t="s">
        <v>375</v>
      </c>
      <c r="D6" s="1" t="s">
        <v>27</v>
      </c>
      <c r="E6" s="1" t="s">
        <v>28</v>
      </c>
      <c r="J6" s="1" t="s">
        <v>125</v>
      </c>
      <c r="N6" s="1" t="s">
        <v>34</v>
      </c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 t="s">
        <v>343</v>
      </c>
      <c r="AI6" s="1"/>
      <c r="AJ6" s="1"/>
      <c r="AK6" s="1"/>
      <c r="AL6" s="1"/>
      <c r="AM6" s="1"/>
      <c r="AN6" s="1"/>
      <c r="AO6" s="1"/>
      <c r="AQ6" s="1"/>
      <c r="AR6" s="1" t="s">
        <v>344</v>
      </c>
      <c r="AS6" s="1" t="s">
        <v>344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7</v>
      </c>
      <c r="B7" s="2">
        <v>0.41666666666666669</v>
      </c>
      <c r="C7" s="1" t="s">
        <v>332</v>
      </c>
      <c r="D7" s="1" t="s">
        <v>27</v>
      </c>
      <c r="E7" s="1" t="s">
        <v>334</v>
      </c>
      <c r="F7" s="1" t="s">
        <v>249</v>
      </c>
      <c r="G7" s="1" t="s">
        <v>250</v>
      </c>
      <c r="J7" s="1" t="s">
        <v>31</v>
      </c>
      <c r="K7" s="1" t="s">
        <v>222</v>
      </c>
      <c r="M7" s="1" t="s">
        <v>45</v>
      </c>
      <c r="N7" s="1" t="s">
        <v>34</v>
      </c>
      <c r="O7" s="1" t="s">
        <v>35</v>
      </c>
      <c r="P7" s="1" t="s">
        <v>36</v>
      </c>
      <c r="Q7" s="1" t="s">
        <v>208</v>
      </c>
      <c r="R7" s="1" t="s">
        <v>38</v>
      </c>
      <c r="S7" s="1" t="s">
        <v>131</v>
      </c>
      <c r="T7" s="1" t="s">
        <v>54</v>
      </c>
      <c r="U7" s="1">
        <v>10.8</v>
      </c>
      <c r="V7" s="3">
        <v>13</v>
      </c>
      <c r="W7" s="1"/>
      <c r="X7" s="1">
        <v>1</v>
      </c>
      <c r="Y7" s="1">
        <v>6.9000000000000006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66</v>
      </c>
      <c r="BD7" s="1">
        <v>0.71</v>
      </c>
      <c r="BE7" s="1"/>
      <c r="BF7" s="1"/>
      <c r="BG7" s="1"/>
      <c r="BH7" s="1"/>
      <c r="BI7" s="1"/>
      <c r="BJ7" s="1"/>
      <c r="BK7" s="1"/>
      <c r="BL7" s="1"/>
      <c r="BM7" s="1" t="s">
        <v>359</v>
      </c>
      <c r="BN7" s="1">
        <v>3.1E-2</v>
      </c>
      <c r="BO7" s="1">
        <v>13</v>
      </c>
      <c r="BP7" s="1">
        <v>4</v>
      </c>
      <c r="BQ7" s="1"/>
      <c r="BR7" s="1"/>
      <c r="BS7" s="1"/>
      <c r="BT7" s="1">
        <v>12</v>
      </c>
      <c r="BU7" s="1"/>
      <c r="BV7" s="1"/>
      <c r="BW7" s="1"/>
      <c r="BX7" s="1"/>
      <c r="BY7" s="1"/>
      <c r="BZ7" s="1"/>
    </row>
    <row r="8" spans="1:78" x14ac:dyDescent="0.15">
      <c r="B8" s="2">
        <v>0.41666666666666669</v>
      </c>
      <c r="C8" s="1" t="s">
        <v>333</v>
      </c>
      <c r="D8" s="1" t="s">
        <v>27</v>
      </c>
      <c r="E8" s="1" t="s">
        <v>334</v>
      </c>
      <c r="G8" s="1" t="s">
        <v>29</v>
      </c>
      <c r="J8" s="1" t="s">
        <v>226</v>
      </c>
      <c r="N8" s="1" t="s">
        <v>34</v>
      </c>
      <c r="P8" s="1" t="s">
        <v>36</v>
      </c>
      <c r="Q8" s="1" t="s">
        <v>37</v>
      </c>
      <c r="R8" s="1" t="s">
        <v>111</v>
      </c>
      <c r="S8" s="1" t="s">
        <v>53</v>
      </c>
      <c r="T8" s="1" t="s">
        <v>40</v>
      </c>
      <c r="U8" s="1">
        <v>5.4</v>
      </c>
      <c r="V8" s="1"/>
      <c r="W8" s="1"/>
      <c r="X8" s="1">
        <v>0.98</v>
      </c>
      <c r="Y8" s="1">
        <v>6.7000000000000004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66</v>
      </c>
      <c r="BD8" s="1">
        <v>0.71</v>
      </c>
      <c r="BE8" s="1"/>
      <c r="BF8" s="1"/>
      <c r="BG8" s="1"/>
      <c r="BH8" s="1"/>
      <c r="BI8" s="1"/>
      <c r="BJ8" s="1"/>
      <c r="BK8" s="1"/>
      <c r="BL8" s="1"/>
      <c r="BM8" s="1">
        <v>0.1</v>
      </c>
      <c r="BN8" s="1">
        <v>4.7E-2</v>
      </c>
      <c r="BO8" s="1">
        <v>13</v>
      </c>
      <c r="BP8" s="1">
        <v>3.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41666666666666669</v>
      </c>
      <c r="C9" s="1" t="s">
        <v>375</v>
      </c>
      <c r="D9" s="1" t="s">
        <v>27</v>
      </c>
      <c r="E9" s="1" t="s">
        <v>334</v>
      </c>
      <c r="J9" s="1" t="s">
        <v>241</v>
      </c>
      <c r="N9" s="1" t="s">
        <v>34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 t="s">
        <v>343</v>
      </c>
      <c r="AI9" s="1"/>
      <c r="AJ9" s="1"/>
      <c r="AK9" s="1"/>
      <c r="AL9" s="1"/>
      <c r="AM9" s="1"/>
      <c r="AN9" s="1"/>
      <c r="AO9" s="1"/>
      <c r="AQ9" s="1"/>
      <c r="AR9" s="1" t="s">
        <v>344</v>
      </c>
      <c r="AS9" s="1" t="s">
        <v>344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8</v>
      </c>
      <c r="B10" s="2">
        <v>0.41805555555555557</v>
      </c>
      <c r="C10" s="1" t="s">
        <v>332</v>
      </c>
      <c r="D10" s="1" t="s">
        <v>27</v>
      </c>
      <c r="E10" s="1" t="s">
        <v>28</v>
      </c>
      <c r="F10" s="1" t="s">
        <v>251</v>
      </c>
      <c r="G10" s="1" t="s">
        <v>252</v>
      </c>
      <c r="J10" s="1" t="s">
        <v>31</v>
      </c>
      <c r="K10" s="1" t="s">
        <v>253</v>
      </c>
      <c r="M10" s="1" t="s">
        <v>71</v>
      </c>
      <c r="N10" s="1" t="s">
        <v>34</v>
      </c>
      <c r="O10" s="1" t="s">
        <v>35</v>
      </c>
      <c r="P10" s="1" t="s">
        <v>36</v>
      </c>
      <c r="Q10" s="1" t="s">
        <v>178</v>
      </c>
      <c r="R10" s="1" t="s">
        <v>38</v>
      </c>
      <c r="S10" s="1" t="s">
        <v>96</v>
      </c>
      <c r="T10" s="1" t="s">
        <v>68</v>
      </c>
      <c r="U10" s="1">
        <v>9.5</v>
      </c>
      <c r="V10" s="3">
        <v>17</v>
      </c>
      <c r="W10" s="1"/>
      <c r="X10" s="1">
        <v>0.94</v>
      </c>
      <c r="Y10" s="1">
        <v>5.3999999999999999E-2</v>
      </c>
      <c r="Z10" s="1">
        <v>2.8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71</v>
      </c>
      <c r="BD10" s="1">
        <v>0.76</v>
      </c>
      <c r="BE10" s="1"/>
      <c r="BF10" s="1"/>
      <c r="BG10" s="1"/>
      <c r="BH10" s="1"/>
      <c r="BI10" s="1"/>
      <c r="BJ10" s="1"/>
      <c r="BK10" s="1"/>
      <c r="BL10" s="1"/>
      <c r="BM10" s="1" t="s">
        <v>359</v>
      </c>
      <c r="BN10" s="1">
        <v>0.04</v>
      </c>
      <c r="BO10" s="1">
        <v>15</v>
      </c>
      <c r="BP10" s="1">
        <v>5.2</v>
      </c>
      <c r="BQ10" s="1"/>
      <c r="BR10" s="1"/>
      <c r="BS10" s="1"/>
      <c r="BT10" s="1">
        <v>11</v>
      </c>
      <c r="BU10" s="1"/>
      <c r="BV10" s="1"/>
      <c r="BW10" s="1"/>
      <c r="BX10" s="1"/>
      <c r="BY10" s="1"/>
      <c r="BZ10" s="1"/>
    </row>
    <row r="11" spans="1:78" x14ac:dyDescent="0.15">
      <c r="B11" s="2">
        <v>0.41805555555555557</v>
      </c>
      <c r="C11" s="1" t="s">
        <v>333</v>
      </c>
      <c r="D11" s="1" t="s">
        <v>27</v>
      </c>
      <c r="E11" s="1" t="s">
        <v>28</v>
      </c>
      <c r="G11" s="1" t="s">
        <v>254</v>
      </c>
      <c r="J11" s="1" t="s">
        <v>255</v>
      </c>
      <c r="N11" s="1" t="s">
        <v>34</v>
      </c>
      <c r="P11" s="1" t="s">
        <v>36</v>
      </c>
      <c r="Q11" s="1" t="s">
        <v>102</v>
      </c>
      <c r="R11" s="1" t="s">
        <v>44</v>
      </c>
      <c r="S11" s="1" t="s">
        <v>45</v>
      </c>
      <c r="T11" s="1" t="s">
        <v>54</v>
      </c>
      <c r="U11" s="1">
        <v>5.6</v>
      </c>
      <c r="V11" s="1"/>
      <c r="W11" s="1"/>
      <c r="X11" s="1">
        <v>1</v>
      </c>
      <c r="Y11" s="1">
        <v>0.06</v>
      </c>
      <c r="Z11" s="1">
        <v>1.5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72</v>
      </c>
      <c r="BD11" s="1">
        <v>0.77</v>
      </c>
      <c r="BE11" s="1"/>
      <c r="BF11" s="1"/>
      <c r="BG11" s="1"/>
      <c r="BH11" s="1"/>
      <c r="BI11" s="1"/>
      <c r="BJ11" s="1"/>
      <c r="BK11" s="1"/>
      <c r="BL11" s="1"/>
      <c r="BM11" s="1">
        <v>7.0000000000000007E-2</v>
      </c>
      <c r="BN11" s="1">
        <v>5.3999999999999999E-2</v>
      </c>
      <c r="BO11" s="1">
        <v>16</v>
      </c>
      <c r="BP11" s="1">
        <v>4.5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805555555555557</v>
      </c>
      <c r="C12" s="1" t="s">
        <v>375</v>
      </c>
      <c r="D12" s="1" t="s">
        <v>27</v>
      </c>
      <c r="E12" s="1" t="s">
        <v>28</v>
      </c>
      <c r="J12" s="1" t="s">
        <v>179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 t="s">
        <v>343</v>
      </c>
      <c r="AI12" s="1"/>
      <c r="AJ12" s="1"/>
      <c r="AK12" s="1"/>
      <c r="AL12" s="1"/>
      <c r="AM12" s="1"/>
      <c r="AN12" s="1"/>
      <c r="AO12" s="1"/>
      <c r="AQ12" s="1"/>
      <c r="AR12" s="1" t="s">
        <v>344</v>
      </c>
      <c r="AS12" s="1" t="s">
        <v>344</v>
      </c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3</v>
      </c>
      <c r="B13" s="2">
        <v>0.42430555555555555</v>
      </c>
      <c r="C13" s="1" t="s">
        <v>332</v>
      </c>
      <c r="D13" s="1" t="s">
        <v>74</v>
      </c>
      <c r="E13" s="1" t="s">
        <v>28</v>
      </c>
      <c r="F13" s="1" t="s">
        <v>159</v>
      </c>
      <c r="G13" s="1" t="s">
        <v>226</v>
      </c>
      <c r="J13" s="1" t="s">
        <v>31</v>
      </c>
      <c r="K13" s="1" t="s">
        <v>256</v>
      </c>
      <c r="M13" s="1" t="s">
        <v>45</v>
      </c>
      <c r="N13" s="1" t="s">
        <v>34</v>
      </c>
      <c r="O13" s="1" t="s">
        <v>35</v>
      </c>
      <c r="P13" s="1" t="s">
        <v>36</v>
      </c>
      <c r="Q13" s="1" t="s">
        <v>78</v>
      </c>
      <c r="R13" s="1" t="s">
        <v>53</v>
      </c>
      <c r="S13" s="1" t="s">
        <v>93</v>
      </c>
      <c r="T13" s="1" t="s">
        <v>68</v>
      </c>
      <c r="U13" s="1">
        <v>12.8</v>
      </c>
      <c r="V13" s="3">
        <v>23</v>
      </c>
      <c r="W13" s="1"/>
      <c r="X13" s="1">
        <v>0.87</v>
      </c>
      <c r="Y13" s="1">
        <v>5.5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4</v>
      </c>
      <c r="BD13" s="1">
        <v>0.45</v>
      </c>
      <c r="BE13" s="1"/>
      <c r="BF13" s="1"/>
      <c r="BG13" s="1"/>
      <c r="BH13" s="1"/>
      <c r="BI13" s="1"/>
      <c r="BJ13" s="1"/>
      <c r="BK13" s="1"/>
      <c r="BL13" s="1"/>
      <c r="BM13" s="1" t="s">
        <v>359</v>
      </c>
      <c r="BN13" s="1" t="s">
        <v>348</v>
      </c>
      <c r="BO13" s="1">
        <v>15</v>
      </c>
      <c r="BP13" s="1">
        <v>5.4</v>
      </c>
      <c r="BQ13" s="1"/>
      <c r="BR13" s="1"/>
      <c r="BS13" s="1"/>
      <c r="BT13" s="1">
        <v>21</v>
      </c>
      <c r="BU13" s="1"/>
      <c r="BV13" s="1"/>
      <c r="BW13" s="1"/>
      <c r="BX13" s="1"/>
      <c r="BY13" s="1"/>
      <c r="BZ13" s="1"/>
    </row>
    <row r="14" spans="1:78" x14ac:dyDescent="0.15">
      <c r="B14" s="2">
        <v>0.42430555555555555</v>
      </c>
      <c r="C14" s="1" t="s">
        <v>333</v>
      </c>
      <c r="D14" s="1" t="s">
        <v>74</v>
      </c>
      <c r="E14" s="1" t="s">
        <v>28</v>
      </c>
      <c r="G14" s="1" t="s">
        <v>69</v>
      </c>
      <c r="J14" s="1" t="s">
        <v>257</v>
      </c>
      <c r="N14" s="1" t="s">
        <v>34</v>
      </c>
      <c r="P14" s="1" t="s">
        <v>36</v>
      </c>
      <c r="Q14" s="1" t="s">
        <v>208</v>
      </c>
      <c r="R14" s="1" t="s">
        <v>45</v>
      </c>
      <c r="S14" s="1" t="s">
        <v>85</v>
      </c>
      <c r="T14" s="1" t="s">
        <v>204</v>
      </c>
      <c r="U14" s="1">
        <v>2.2999999999999998</v>
      </c>
      <c r="V14" s="1"/>
      <c r="W14" s="1"/>
      <c r="X14" s="1">
        <v>1</v>
      </c>
      <c r="Y14" s="1">
        <v>5.8000000000000003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3</v>
      </c>
      <c r="BC14" s="1">
        <v>0.53</v>
      </c>
      <c r="BD14" s="1">
        <v>0.57999999999999996</v>
      </c>
      <c r="BE14" s="1"/>
      <c r="BF14" s="1"/>
      <c r="BG14" s="1"/>
      <c r="BH14" s="1"/>
      <c r="BI14" s="1"/>
      <c r="BJ14" s="1"/>
      <c r="BK14" s="1"/>
      <c r="BL14" s="1"/>
      <c r="BM14" s="1">
        <v>0.25</v>
      </c>
      <c r="BN14" s="1">
        <v>1.4999999999999999E-2</v>
      </c>
      <c r="BO14" s="1">
        <v>16</v>
      </c>
      <c r="BP14" s="1">
        <v>4.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2430555555555555</v>
      </c>
      <c r="C15" s="1" t="s">
        <v>375</v>
      </c>
      <c r="D15" s="1" t="s">
        <v>74</v>
      </c>
      <c r="E15" s="1" t="s">
        <v>28</v>
      </c>
      <c r="J15" s="1" t="s">
        <v>120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 t="s">
        <v>343</v>
      </c>
      <c r="AI15" s="1"/>
      <c r="AJ15" s="1"/>
      <c r="AK15" s="1"/>
      <c r="AL15" s="1"/>
      <c r="AM15" s="1"/>
      <c r="AN15" s="1"/>
      <c r="AO15" s="1"/>
      <c r="AQ15" s="1"/>
      <c r="AR15" s="1" t="s">
        <v>344</v>
      </c>
      <c r="AS15" s="1" t="s">
        <v>344</v>
      </c>
      <c r="AT15" s="1"/>
      <c r="AU15" s="1" t="s">
        <v>343</v>
      </c>
      <c r="AV15" s="1" t="s">
        <v>345</v>
      </c>
      <c r="AW15" s="1" t="s">
        <v>34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7</v>
      </c>
      <c r="B16" s="2">
        <v>0.43958333333333338</v>
      </c>
      <c r="C16" s="1" t="s">
        <v>332</v>
      </c>
      <c r="D16" s="1" t="s">
        <v>27</v>
      </c>
      <c r="E16" s="1" t="s">
        <v>28</v>
      </c>
      <c r="F16" s="1" t="s">
        <v>258</v>
      </c>
      <c r="G16" s="1" t="s">
        <v>259</v>
      </c>
      <c r="J16" s="1" t="s">
        <v>31</v>
      </c>
      <c r="K16" s="1" t="s">
        <v>89</v>
      </c>
      <c r="M16" s="1" t="s">
        <v>71</v>
      </c>
      <c r="N16" s="1" t="s">
        <v>34</v>
      </c>
      <c r="O16" s="1" t="s">
        <v>35</v>
      </c>
      <c r="P16" s="1" t="s">
        <v>36</v>
      </c>
      <c r="Q16" s="1" t="s">
        <v>155</v>
      </c>
      <c r="R16" s="1" t="s">
        <v>44</v>
      </c>
      <c r="S16" s="1" t="s">
        <v>93</v>
      </c>
      <c r="T16" s="1" t="s">
        <v>40</v>
      </c>
      <c r="U16" s="1">
        <v>11.9</v>
      </c>
      <c r="V16" s="3">
        <v>33</v>
      </c>
      <c r="W16" s="1"/>
      <c r="X16" s="1">
        <v>0.85</v>
      </c>
      <c r="Y16" s="1">
        <v>3.7999999999999999E-2</v>
      </c>
      <c r="Z16" s="1">
        <v>1.2999999999999999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6</v>
      </c>
      <c r="BD16" s="1">
        <v>0.65</v>
      </c>
      <c r="BE16" s="1"/>
      <c r="BF16" s="1"/>
      <c r="BG16" s="1"/>
      <c r="BH16" s="1"/>
      <c r="BI16" s="1"/>
      <c r="BJ16" s="1"/>
      <c r="BK16" s="1"/>
      <c r="BL16" s="1"/>
      <c r="BM16" s="1" t="s">
        <v>359</v>
      </c>
      <c r="BN16" s="1">
        <v>7.0000000000000001E-3</v>
      </c>
      <c r="BO16" s="1">
        <v>14</v>
      </c>
      <c r="BP16" s="1">
        <v>3.6</v>
      </c>
      <c r="BQ16" s="1"/>
      <c r="BR16" s="1" t="s">
        <v>360</v>
      </c>
      <c r="BS16" s="1"/>
      <c r="BT16" s="1">
        <v>30</v>
      </c>
      <c r="BU16" s="1"/>
      <c r="BV16" s="1"/>
      <c r="BW16" s="1"/>
      <c r="BX16" s="1"/>
      <c r="BY16" s="1"/>
      <c r="BZ16" s="1"/>
    </row>
    <row r="17" spans="1:78" x14ac:dyDescent="0.15">
      <c r="B17" s="2">
        <v>0.43958333333333338</v>
      </c>
      <c r="C17" s="1" t="s">
        <v>333</v>
      </c>
      <c r="D17" s="1" t="s">
        <v>27</v>
      </c>
      <c r="E17" s="1" t="s">
        <v>28</v>
      </c>
      <c r="G17" s="1" t="s">
        <v>172</v>
      </c>
      <c r="J17" s="1" t="s">
        <v>202</v>
      </c>
      <c r="N17" s="1" t="s">
        <v>34</v>
      </c>
      <c r="P17" s="1" t="s">
        <v>36</v>
      </c>
      <c r="Q17" s="1" t="s">
        <v>37</v>
      </c>
      <c r="R17" s="1" t="s">
        <v>189</v>
      </c>
      <c r="S17" s="1" t="s">
        <v>156</v>
      </c>
      <c r="T17" s="1" t="s">
        <v>260</v>
      </c>
      <c r="U17" s="1">
        <v>6.6</v>
      </c>
      <c r="V17" s="1"/>
      <c r="W17" s="1"/>
      <c r="X17" s="1">
        <v>0.91</v>
      </c>
      <c r="Y17" s="1">
        <v>6.4000000000000001E-2</v>
      </c>
      <c r="Z17" s="1">
        <v>2.3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0.75</v>
      </c>
      <c r="BD17" s="1">
        <v>0.8</v>
      </c>
      <c r="BE17" s="1"/>
      <c r="BF17" s="1"/>
      <c r="BG17" s="1"/>
      <c r="BH17" s="1"/>
      <c r="BI17" s="1"/>
      <c r="BJ17" s="1"/>
      <c r="BK17" s="1"/>
      <c r="BL17" s="1"/>
      <c r="BM17" s="1">
        <v>0.06</v>
      </c>
      <c r="BN17" s="1">
        <v>3.5999999999999997E-2</v>
      </c>
      <c r="BO17" s="1">
        <v>14</v>
      </c>
      <c r="BP17" s="1">
        <v>3.7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3958333333333338</v>
      </c>
      <c r="C18" s="1" t="s">
        <v>375</v>
      </c>
      <c r="D18" s="1" t="s">
        <v>27</v>
      </c>
      <c r="E18" s="1" t="s">
        <v>28</v>
      </c>
      <c r="J18" s="1" t="s">
        <v>152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 t="s">
        <v>345</v>
      </c>
      <c r="AD18" s="1" t="s">
        <v>346</v>
      </c>
      <c r="AE18" s="1" t="s">
        <v>343</v>
      </c>
      <c r="AF18" s="1" t="s">
        <v>347</v>
      </c>
      <c r="AG18" s="1" t="s">
        <v>348</v>
      </c>
      <c r="AH18" s="1" t="s">
        <v>343</v>
      </c>
      <c r="AI18" s="1"/>
      <c r="AJ18" s="1"/>
      <c r="AK18" s="1" t="s">
        <v>344</v>
      </c>
      <c r="AL18" s="1" t="s">
        <v>344</v>
      </c>
      <c r="AM18" s="1" t="s">
        <v>344</v>
      </c>
      <c r="AN18" s="1" t="s">
        <v>344</v>
      </c>
      <c r="AO18" s="1" t="s">
        <v>344</v>
      </c>
      <c r="AP18" t="s">
        <v>344</v>
      </c>
      <c r="AQ18" s="1" t="s">
        <v>344</v>
      </c>
      <c r="AR18" s="1" t="s">
        <v>344</v>
      </c>
      <c r="AS18" s="1" t="s">
        <v>344</v>
      </c>
      <c r="AT18" s="1" t="s">
        <v>353</v>
      </c>
      <c r="AU18" s="1"/>
      <c r="AV18" s="1"/>
      <c r="AW18" s="1"/>
      <c r="AX18" s="1" t="s">
        <v>344</v>
      </c>
      <c r="AY18" s="1" t="s">
        <v>354</v>
      </c>
      <c r="AZ18" s="1" t="s">
        <v>355</v>
      </c>
      <c r="BA18" s="1" t="s">
        <v>347</v>
      </c>
      <c r="BB18" s="1"/>
      <c r="BC18" s="1"/>
      <c r="BD18" s="1"/>
      <c r="BE18" s="1" t="s">
        <v>348</v>
      </c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9</v>
      </c>
      <c r="B19" s="2">
        <v>0.4291666666666667</v>
      </c>
      <c r="C19" s="1" t="s">
        <v>332</v>
      </c>
      <c r="D19" s="1" t="s">
        <v>27</v>
      </c>
      <c r="E19" s="1" t="s">
        <v>334</v>
      </c>
      <c r="F19" s="1" t="s">
        <v>261</v>
      </c>
      <c r="G19" s="1" t="s">
        <v>81</v>
      </c>
      <c r="J19" s="1" t="s">
        <v>31</v>
      </c>
      <c r="K19" s="1" t="s">
        <v>251</v>
      </c>
      <c r="M19" s="1" t="s">
        <v>52</v>
      </c>
      <c r="N19" s="1" t="s">
        <v>34</v>
      </c>
      <c r="O19" s="1" t="s">
        <v>35</v>
      </c>
      <c r="P19" s="1" t="s">
        <v>36</v>
      </c>
      <c r="Q19" s="1" t="s">
        <v>208</v>
      </c>
      <c r="R19" s="1" t="s">
        <v>111</v>
      </c>
      <c r="S19" s="1" t="s">
        <v>122</v>
      </c>
      <c r="T19" s="1" t="s">
        <v>68</v>
      </c>
      <c r="U19" s="1">
        <v>10.6</v>
      </c>
      <c r="V19" s="3">
        <v>23</v>
      </c>
      <c r="W19" s="1"/>
      <c r="X19" s="1">
        <v>0.86</v>
      </c>
      <c r="Y19" s="1">
        <v>4.8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1</v>
      </c>
      <c r="BC19" s="1">
        <v>0.69</v>
      </c>
      <c r="BD19" s="1">
        <v>0.74</v>
      </c>
      <c r="BE19" s="1"/>
      <c r="BF19" s="1"/>
      <c r="BG19" s="1"/>
      <c r="BH19" s="1"/>
      <c r="BI19" s="1"/>
      <c r="BJ19" s="1"/>
      <c r="BK19" s="1"/>
      <c r="BL19" s="1"/>
      <c r="BM19" s="1" t="s">
        <v>359</v>
      </c>
      <c r="BN19" s="1">
        <v>2.1000000000000001E-2</v>
      </c>
      <c r="BO19" s="1">
        <v>13</v>
      </c>
      <c r="BP19" s="1">
        <v>3.3</v>
      </c>
      <c r="BQ19" s="1"/>
      <c r="BR19" s="1"/>
      <c r="BS19" s="1"/>
      <c r="BT19" s="1">
        <v>7.7</v>
      </c>
      <c r="BU19" s="1"/>
      <c r="BV19" s="1"/>
      <c r="BW19" s="1"/>
      <c r="BX19" s="1"/>
      <c r="BY19" s="1"/>
      <c r="BZ19" s="1"/>
    </row>
    <row r="20" spans="1:78" x14ac:dyDescent="0.15">
      <c r="B20" s="2">
        <v>0.4291666666666667</v>
      </c>
      <c r="C20" s="1" t="s">
        <v>333</v>
      </c>
      <c r="D20" s="1" t="s">
        <v>27</v>
      </c>
      <c r="E20" s="1" t="s">
        <v>334</v>
      </c>
      <c r="G20" s="1" t="s">
        <v>101</v>
      </c>
      <c r="J20" s="1" t="s">
        <v>230</v>
      </c>
      <c r="N20" s="1" t="s">
        <v>34</v>
      </c>
      <c r="P20" s="1" t="s">
        <v>36</v>
      </c>
      <c r="Q20" s="1" t="s">
        <v>37</v>
      </c>
      <c r="R20" s="1" t="s">
        <v>31</v>
      </c>
      <c r="S20" s="1" t="s">
        <v>52</v>
      </c>
      <c r="T20" s="1" t="s">
        <v>191</v>
      </c>
      <c r="U20" s="1">
        <v>7.9</v>
      </c>
      <c r="V20" s="1"/>
      <c r="W20" s="1"/>
      <c r="X20" s="1">
        <v>0.91</v>
      </c>
      <c r="Y20" s="1">
        <v>5.6000000000000001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75</v>
      </c>
      <c r="BD20" s="1">
        <v>0.8</v>
      </c>
      <c r="BE20" s="1"/>
      <c r="BF20" s="1"/>
      <c r="BG20" s="1"/>
      <c r="BH20" s="1"/>
      <c r="BI20" s="1"/>
      <c r="BJ20" s="1"/>
      <c r="BK20" s="1"/>
      <c r="BL20" s="1"/>
      <c r="BM20" s="1" t="s">
        <v>359</v>
      </c>
      <c r="BN20" s="1">
        <v>3.2000000000000001E-2</v>
      </c>
      <c r="BO20" s="1">
        <v>13</v>
      </c>
      <c r="BP20" s="1">
        <v>3.4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291666666666667</v>
      </c>
      <c r="C21" s="1" t="s">
        <v>375</v>
      </c>
      <c r="D21" s="1" t="s">
        <v>27</v>
      </c>
      <c r="E21" s="1" t="s">
        <v>334</v>
      </c>
      <c r="J21" s="1" t="s">
        <v>262</v>
      </c>
      <c r="N21" s="1" t="s">
        <v>34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 t="s">
        <v>343</v>
      </c>
      <c r="AI21" s="1"/>
      <c r="AJ21" s="1"/>
      <c r="AK21" s="1"/>
      <c r="AL21" s="1"/>
      <c r="AM21" s="1"/>
      <c r="AN21" s="1"/>
      <c r="AO21" s="1"/>
      <c r="AQ21" s="1"/>
      <c r="AR21" s="1" t="s">
        <v>344</v>
      </c>
      <c r="AS21" s="1" t="s">
        <v>344</v>
      </c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07</v>
      </c>
      <c r="B22" s="2">
        <v>0.4201388888888889</v>
      </c>
      <c r="C22" s="1" t="s">
        <v>332</v>
      </c>
      <c r="D22" s="1" t="s">
        <v>27</v>
      </c>
      <c r="E22" s="1" t="s">
        <v>28</v>
      </c>
      <c r="F22" s="1" t="s">
        <v>60</v>
      </c>
      <c r="G22" s="1" t="s">
        <v>124</v>
      </c>
      <c r="J22" s="1" t="s">
        <v>31</v>
      </c>
      <c r="K22" s="1" t="s">
        <v>263</v>
      </c>
      <c r="M22" s="1" t="s">
        <v>39</v>
      </c>
      <c r="N22" s="1" t="s">
        <v>34</v>
      </c>
      <c r="O22" s="1" t="s">
        <v>264</v>
      </c>
      <c r="P22" s="1" t="s">
        <v>36</v>
      </c>
      <c r="Q22" s="1" t="s">
        <v>208</v>
      </c>
      <c r="R22" s="1" t="s">
        <v>189</v>
      </c>
      <c r="S22" s="1" t="s">
        <v>106</v>
      </c>
      <c r="T22" s="1" t="s">
        <v>191</v>
      </c>
      <c r="U22" s="1">
        <v>8.5</v>
      </c>
      <c r="V22" s="3">
        <v>230</v>
      </c>
      <c r="W22" s="1"/>
      <c r="X22" s="1">
        <v>1</v>
      </c>
      <c r="Y22" s="1">
        <v>5.0999999999999997E-2</v>
      </c>
      <c r="Z22" s="1">
        <v>1.4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46</v>
      </c>
      <c r="BC22" s="1">
        <v>0.9</v>
      </c>
      <c r="BD22" s="1">
        <v>0.95</v>
      </c>
      <c r="BE22" s="1"/>
      <c r="BF22" s="1"/>
      <c r="BG22" s="1"/>
      <c r="BH22" s="1"/>
      <c r="BI22" s="1"/>
      <c r="BJ22" s="1"/>
      <c r="BK22" s="1"/>
      <c r="BL22" s="1"/>
      <c r="BM22" s="1" t="s">
        <v>359</v>
      </c>
      <c r="BN22" s="1">
        <v>3.5999999999999997E-2</v>
      </c>
      <c r="BO22" s="1">
        <v>15</v>
      </c>
      <c r="BP22" s="1">
        <v>4.0999999999999996</v>
      </c>
      <c r="BQ22" s="1"/>
      <c r="BR22" s="1"/>
      <c r="BS22" s="1"/>
      <c r="BT22" s="1">
        <v>3.1</v>
      </c>
      <c r="BU22" s="1"/>
      <c r="BV22" s="1"/>
      <c r="BW22" s="1"/>
      <c r="BX22" s="1"/>
      <c r="BY22" s="1"/>
      <c r="BZ22" s="1"/>
    </row>
    <row r="23" spans="1:78" x14ac:dyDescent="0.15">
      <c r="B23" s="2">
        <v>0.4201388888888889</v>
      </c>
      <c r="C23" s="1" t="s">
        <v>333</v>
      </c>
      <c r="D23" s="1" t="s">
        <v>27</v>
      </c>
      <c r="E23" s="1" t="s">
        <v>28</v>
      </c>
      <c r="G23" s="1" t="s">
        <v>173</v>
      </c>
      <c r="J23" s="1" t="s">
        <v>89</v>
      </c>
      <c r="N23" s="1" t="s">
        <v>34</v>
      </c>
      <c r="P23" s="1" t="s">
        <v>36</v>
      </c>
      <c r="Q23" s="1" t="s">
        <v>208</v>
      </c>
      <c r="R23" s="1" t="s">
        <v>189</v>
      </c>
      <c r="S23" s="1" t="s">
        <v>92</v>
      </c>
      <c r="T23" s="1" t="s">
        <v>265</v>
      </c>
      <c r="U23" s="1">
        <v>8.1999999999999993</v>
      </c>
      <c r="V23" s="1"/>
      <c r="W23" s="1"/>
      <c r="X23" s="1">
        <v>1.1000000000000001</v>
      </c>
      <c r="Y23" s="1">
        <v>7.0000000000000007E-2</v>
      </c>
      <c r="Z23" s="1">
        <v>2.8999999999999998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92</v>
      </c>
      <c r="BD23" s="1">
        <v>0.97</v>
      </c>
      <c r="BE23" s="1"/>
      <c r="BF23" s="1"/>
      <c r="BG23" s="1"/>
      <c r="BH23" s="1"/>
      <c r="BI23" s="1"/>
      <c r="BJ23" s="1"/>
      <c r="BK23" s="1"/>
      <c r="BL23" s="1"/>
      <c r="BM23" s="1" t="s">
        <v>359</v>
      </c>
      <c r="BN23" s="1">
        <v>4.5999999999999999E-2</v>
      </c>
      <c r="BO23" s="1">
        <v>15</v>
      </c>
      <c r="BP23" s="1">
        <v>4.4000000000000004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201388888888889</v>
      </c>
      <c r="C24" s="1" t="s">
        <v>375</v>
      </c>
      <c r="D24" s="1" t="s">
        <v>27</v>
      </c>
      <c r="E24" s="1" t="s">
        <v>28</v>
      </c>
      <c r="J24" s="1" t="s">
        <v>117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 t="s">
        <v>343</v>
      </c>
      <c r="AI24" s="1"/>
      <c r="AJ24" s="1"/>
      <c r="AK24" s="1"/>
      <c r="AL24" s="1"/>
      <c r="AM24" s="1"/>
      <c r="AN24" s="1"/>
      <c r="AO24" s="1"/>
      <c r="AQ24" s="1"/>
      <c r="AR24" s="1" t="s">
        <v>344</v>
      </c>
      <c r="AS24" s="1" t="s">
        <v>344</v>
      </c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15</v>
      </c>
      <c r="B25" s="2">
        <v>0.42152777777777778</v>
      </c>
      <c r="C25" s="1" t="s">
        <v>332</v>
      </c>
      <c r="D25" s="1" t="s">
        <v>59</v>
      </c>
      <c r="E25" s="1" t="s">
        <v>28</v>
      </c>
      <c r="F25" s="1" t="s">
        <v>195</v>
      </c>
      <c r="G25" s="1" t="s">
        <v>266</v>
      </c>
      <c r="J25" s="1" t="s">
        <v>31</v>
      </c>
      <c r="K25" s="1" t="s">
        <v>255</v>
      </c>
      <c r="M25" s="1" t="s">
        <v>122</v>
      </c>
      <c r="N25" s="1" t="s">
        <v>34</v>
      </c>
      <c r="O25" s="1" t="s">
        <v>35</v>
      </c>
      <c r="P25" s="1" t="s">
        <v>36</v>
      </c>
      <c r="Q25" s="1" t="s">
        <v>83</v>
      </c>
      <c r="R25" s="1" t="s">
        <v>77</v>
      </c>
      <c r="S25" s="1" t="s">
        <v>53</v>
      </c>
      <c r="T25" s="1" t="s">
        <v>54</v>
      </c>
      <c r="U25" s="1">
        <v>10.8</v>
      </c>
      <c r="V25" s="3">
        <v>17</v>
      </c>
      <c r="W25" s="1"/>
      <c r="X25" s="1">
        <v>1</v>
      </c>
      <c r="Y25" s="1">
        <v>6.2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82</v>
      </c>
      <c r="BD25" s="1">
        <v>0.87</v>
      </c>
      <c r="BE25" s="1"/>
      <c r="BF25" s="1"/>
      <c r="BG25" s="1"/>
      <c r="BH25" s="1"/>
      <c r="BI25" s="1"/>
      <c r="BJ25" s="1"/>
      <c r="BK25" s="1"/>
      <c r="BL25" s="1"/>
      <c r="BM25" s="1" t="s">
        <v>359</v>
      </c>
      <c r="BN25" s="1">
        <v>3.5000000000000003E-2</v>
      </c>
      <c r="BO25" s="1">
        <v>16</v>
      </c>
      <c r="BP25" s="1">
        <v>4.7</v>
      </c>
      <c r="BQ25" s="1"/>
      <c r="BR25" s="1"/>
      <c r="BS25" s="1"/>
      <c r="BT25" s="1">
        <v>16</v>
      </c>
      <c r="BU25" s="1"/>
      <c r="BV25" s="1"/>
      <c r="BW25" s="1"/>
      <c r="BX25" s="1"/>
      <c r="BY25" s="1"/>
      <c r="BZ25" s="1"/>
    </row>
    <row r="26" spans="1:78" x14ac:dyDescent="0.15">
      <c r="B26" s="2">
        <v>0.42152777777777778</v>
      </c>
      <c r="C26" s="1" t="s">
        <v>333</v>
      </c>
      <c r="D26" s="1" t="s">
        <v>59</v>
      </c>
      <c r="E26" s="1" t="s">
        <v>28</v>
      </c>
      <c r="G26" s="1" t="s">
        <v>125</v>
      </c>
      <c r="J26" s="1" t="s">
        <v>159</v>
      </c>
      <c r="N26" s="1" t="s">
        <v>34</v>
      </c>
      <c r="P26" s="1" t="s">
        <v>36</v>
      </c>
      <c r="Q26" s="1" t="s">
        <v>51</v>
      </c>
      <c r="R26" s="1" t="s">
        <v>38</v>
      </c>
      <c r="S26" s="1" t="s">
        <v>131</v>
      </c>
      <c r="T26" s="1" t="s">
        <v>267</v>
      </c>
      <c r="U26" s="1">
        <v>9.4</v>
      </c>
      <c r="V26" s="1"/>
      <c r="W26" s="1"/>
      <c r="X26" s="1">
        <v>1.1000000000000001</v>
      </c>
      <c r="Y26" s="1">
        <v>9.7000000000000003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92</v>
      </c>
      <c r="BD26" s="1">
        <v>0.97</v>
      </c>
      <c r="BE26" s="1"/>
      <c r="BF26" s="1"/>
      <c r="BG26" s="1"/>
      <c r="BH26" s="1"/>
      <c r="BI26" s="1"/>
      <c r="BJ26" s="1"/>
      <c r="BK26" s="1"/>
      <c r="BL26" s="1"/>
      <c r="BM26" s="1" t="s">
        <v>359</v>
      </c>
      <c r="BN26" s="1">
        <v>5.1999999999999998E-2</v>
      </c>
      <c r="BO26" s="1">
        <v>16</v>
      </c>
      <c r="BP26" s="1">
        <v>4.9000000000000004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2152777777777778</v>
      </c>
      <c r="C27" s="1" t="s">
        <v>375</v>
      </c>
      <c r="D27" s="1" t="s">
        <v>59</v>
      </c>
      <c r="E27" s="1" t="s">
        <v>28</v>
      </c>
      <c r="J27" s="1" t="s">
        <v>241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 t="s">
        <v>343</v>
      </c>
      <c r="AI27" s="1"/>
      <c r="AJ27" s="1"/>
      <c r="AK27" s="1"/>
      <c r="AL27" s="1"/>
      <c r="AM27" s="1"/>
      <c r="AN27" s="1"/>
      <c r="AO27" s="1"/>
      <c r="AQ27" s="1"/>
      <c r="AR27" s="1" t="s">
        <v>344</v>
      </c>
      <c r="AS27" s="1" t="s">
        <v>344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3</v>
      </c>
      <c r="B28" s="2">
        <v>0.41250000000000003</v>
      </c>
      <c r="C28" s="1" t="s">
        <v>332</v>
      </c>
      <c r="D28" s="1" t="s">
        <v>59</v>
      </c>
      <c r="E28" s="1" t="s">
        <v>334</v>
      </c>
      <c r="F28" s="1" t="s">
        <v>207</v>
      </c>
      <c r="G28" s="1" t="s">
        <v>144</v>
      </c>
      <c r="J28" s="1" t="s">
        <v>31</v>
      </c>
      <c r="K28" s="1" t="s">
        <v>160</v>
      </c>
      <c r="M28" s="1" t="s">
        <v>129</v>
      </c>
      <c r="N28" s="1" t="s">
        <v>34</v>
      </c>
      <c r="O28" s="1" t="s">
        <v>35</v>
      </c>
      <c r="P28" s="1" t="s">
        <v>36</v>
      </c>
      <c r="Q28" s="1" t="s">
        <v>51</v>
      </c>
      <c r="R28" s="1" t="s">
        <v>39</v>
      </c>
      <c r="S28" s="1" t="s">
        <v>85</v>
      </c>
      <c r="T28" s="1" t="s">
        <v>54</v>
      </c>
      <c r="U28" s="1">
        <v>9.9</v>
      </c>
      <c r="V28" s="3">
        <v>33</v>
      </c>
      <c r="W28" s="1"/>
      <c r="X28" s="1">
        <v>1</v>
      </c>
      <c r="Y28" s="1">
        <v>7.0999999999999994E-2</v>
      </c>
      <c r="Z28" s="1">
        <v>2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9</v>
      </c>
      <c r="BD28" s="1">
        <v>0.95</v>
      </c>
      <c r="BF28" s="1"/>
      <c r="BG28" s="1"/>
      <c r="BH28" s="1"/>
      <c r="BI28" s="1"/>
      <c r="BJ28" s="1"/>
      <c r="BK28" s="1"/>
      <c r="BL28" s="1"/>
      <c r="BM28" s="1" t="s">
        <v>359</v>
      </c>
      <c r="BN28" s="1">
        <v>4.9000000000000002E-2</v>
      </c>
      <c r="BO28" s="1">
        <v>16</v>
      </c>
      <c r="BP28" s="1">
        <v>5</v>
      </c>
      <c r="BQ28" s="1"/>
      <c r="BR28" s="1"/>
      <c r="BS28" s="1"/>
      <c r="BT28" s="1">
        <v>14</v>
      </c>
      <c r="BU28" s="1"/>
      <c r="BV28" s="1"/>
      <c r="BW28" s="1"/>
      <c r="BX28" s="1"/>
      <c r="BY28" s="1"/>
      <c r="BZ28" s="1"/>
    </row>
    <row r="29" spans="1:78" x14ac:dyDescent="0.15">
      <c r="B29" s="2">
        <v>0.41250000000000003</v>
      </c>
      <c r="C29" s="1" t="s">
        <v>333</v>
      </c>
      <c r="D29" s="1" t="s">
        <v>59</v>
      </c>
      <c r="E29" s="1" t="s">
        <v>334</v>
      </c>
      <c r="G29" s="1" t="s">
        <v>241</v>
      </c>
      <c r="J29" s="1" t="s">
        <v>205</v>
      </c>
      <c r="N29" s="1" t="s">
        <v>34</v>
      </c>
      <c r="P29" s="1" t="s">
        <v>36</v>
      </c>
      <c r="Q29" s="1" t="s">
        <v>37</v>
      </c>
      <c r="R29" s="1" t="s">
        <v>119</v>
      </c>
      <c r="S29" s="1" t="s">
        <v>53</v>
      </c>
      <c r="T29" s="1" t="s">
        <v>268</v>
      </c>
      <c r="U29" s="1">
        <v>9</v>
      </c>
      <c r="V29" s="1"/>
      <c r="W29" s="1"/>
      <c r="X29" s="1">
        <v>1.1000000000000001</v>
      </c>
      <c r="Y29" s="1">
        <v>0.1</v>
      </c>
      <c r="Z29" s="1">
        <v>3.3999999999999998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9</v>
      </c>
      <c r="BD29" s="1">
        <v>0.95</v>
      </c>
      <c r="BF29" s="1"/>
      <c r="BG29" s="1"/>
      <c r="BH29" s="1"/>
      <c r="BI29" s="1"/>
      <c r="BJ29" s="1"/>
      <c r="BK29" s="1"/>
      <c r="BL29" s="1"/>
      <c r="BM29" s="1" t="s">
        <v>359</v>
      </c>
      <c r="BN29" s="1">
        <v>6.8000000000000005E-2</v>
      </c>
      <c r="BO29" s="1">
        <v>16</v>
      </c>
      <c r="BP29" s="1">
        <v>5.2</v>
      </c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1250000000000003</v>
      </c>
      <c r="C30" s="1" t="s">
        <v>375</v>
      </c>
      <c r="D30" s="1" t="s">
        <v>59</v>
      </c>
      <c r="E30" s="1" t="s">
        <v>334</v>
      </c>
      <c r="J30" s="1" t="s">
        <v>262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 t="s">
        <v>343</v>
      </c>
      <c r="AI30" s="1"/>
      <c r="AJ30" s="1"/>
      <c r="AK30" s="1"/>
      <c r="AL30" s="1"/>
      <c r="AM30" s="1"/>
      <c r="AN30" s="1"/>
      <c r="AO30" s="1"/>
      <c r="AQ30" s="1"/>
      <c r="AR30" s="1" t="s">
        <v>344</v>
      </c>
      <c r="AS30" s="1" t="s">
        <v>344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27</v>
      </c>
      <c r="B31" s="2">
        <v>0.43611111111111112</v>
      </c>
      <c r="C31" s="1" t="s">
        <v>332</v>
      </c>
      <c r="D31" s="1" t="s">
        <v>27</v>
      </c>
      <c r="E31" s="1" t="s">
        <v>28</v>
      </c>
      <c r="F31" s="1" t="s">
        <v>79</v>
      </c>
      <c r="G31" s="1" t="s">
        <v>180</v>
      </c>
      <c r="J31" s="1" t="s">
        <v>31</v>
      </c>
      <c r="K31" s="1" t="s">
        <v>259</v>
      </c>
      <c r="M31" s="1" t="s">
        <v>85</v>
      </c>
      <c r="N31" s="1" t="s">
        <v>34</v>
      </c>
      <c r="O31" s="1" t="s">
        <v>35</v>
      </c>
      <c r="P31" s="1" t="s">
        <v>36</v>
      </c>
      <c r="Q31" s="1" t="s">
        <v>43</v>
      </c>
      <c r="R31" s="1" t="s">
        <v>44</v>
      </c>
      <c r="S31" s="1" t="s">
        <v>133</v>
      </c>
      <c r="T31" s="1" t="s">
        <v>68</v>
      </c>
      <c r="U31" s="1">
        <v>10.3</v>
      </c>
      <c r="V31" s="3">
        <v>13</v>
      </c>
      <c r="W31" s="1"/>
      <c r="X31" s="1">
        <v>1.2</v>
      </c>
      <c r="Y31" s="1">
        <v>9.8000000000000004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1.1000000000000001</v>
      </c>
      <c r="BD31" s="1">
        <v>1.1000000000000001</v>
      </c>
      <c r="BF31" s="1"/>
      <c r="BG31" s="1"/>
      <c r="BH31" s="1"/>
      <c r="BI31" s="1"/>
      <c r="BJ31" s="1"/>
      <c r="BK31" s="1"/>
      <c r="BL31" s="1"/>
      <c r="BM31" s="1" t="s">
        <v>359</v>
      </c>
      <c r="BN31" s="1">
        <v>7.9000000000000001E-2</v>
      </c>
      <c r="BO31" s="1">
        <v>16</v>
      </c>
      <c r="BP31" s="1">
        <v>5.9</v>
      </c>
      <c r="BQ31" s="1"/>
      <c r="BR31" s="1"/>
      <c r="BS31" s="1"/>
      <c r="BT31" s="1">
        <v>1.9</v>
      </c>
      <c r="BU31" s="1"/>
      <c r="BV31" s="1"/>
      <c r="BW31" s="1"/>
      <c r="BX31" s="1"/>
      <c r="BY31" s="1"/>
      <c r="BZ31" s="1"/>
    </row>
    <row r="32" spans="1:78" x14ac:dyDescent="0.15">
      <c r="B32" s="2">
        <v>0.43611111111111112</v>
      </c>
      <c r="C32" s="1" t="s">
        <v>333</v>
      </c>
      <c r="D32" s="1" t="s">
        <v>27</v>
      </c>
      <c r="E32" s="1" t="s">
        <v>28</v>
      </c>
      <c r="G32" s="1" t="s">
        <v>62</v>
      </c>
      <c r="J32" s="1" t="s">
        <v>269</v>
      </c>
      <c r="N32" s="1" t="s">
        <v>34</v>
      </c>
      <c r="P32" s="1" t="s">
        <v>36</v>
      </c>
      <c r="Q32" s="1" t="s">
        <v>43</v>
      </c>
      <c r="R32" s="1" t="s">
        <v>38</v>
      </c>
      <c r="S32" s="1" t="s">
        <v>84</v>
      </c>
      <c r="T32" s="1" t="s">
        <v>68</v>
      </c>
      <c r="U32" s="1">
        <v>10.199999999999999</v>
      </c>
      <c r="V32" s="1"/>
      <c r="W32" s="1"/>
      <c r="X32" s="1">
        <v>1.2</v>
      </c>
      <c r="Y32" s="1">
        <v>9.8000000000000004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359</v>
      </c>
      <c r="BN32" s="1">
        <v>7.8E-2</v>
      </c>
      <c r="BO32" s="1">
        <v>16</v>
      </c>
      <c r="BP32" s="1">
        <v>6.7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3611111111111112</v>
      </c>
      <c r="C33" s="1" t="s">
        <v>375</v>
      </c>
      <c r="D33" s="1" t="s">
        <v>27</v>
      </c>
      <c r="E33" s="1" t="s">
        <v>28</v>
      </c>
      <c r="J33" s="1" t="s">
        <v>182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 t="s">
        <v>343</v>
      </c>
      <c r="AI33" s="1"/>
      <c r="AJ33" s="1"/>
      <c r="AK33" s="1"/>
      <c r="AL33" s="1"/>
      <c r="AM33" s="1"/>
      <c r="AN33" s="1"/>
      <c r="AO33" s="1"/>
      <c r="AQ33" s="1"/>
      <c r="AR33" s="1" t="s">
        <v>344</v>
      </c>
      <c r="AS33" s="1" t="s">
        <v>344</v>
      </c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35</v>
      </c>
      <c r="B34" s="2">
        <v>0.44375000000000003</v>
      </c>
      <c r="C34" s="1" t="s">
        <v>332</v>
      </c>
      <c r="D34" s="1" t="s">
        <v>27</v>
      </c>
      <c r="E34" s="1" t="s">
        <v>334</v>
      </c>
      <c r="F34" s="1" t="s">
        <v>173</v>
      </c>
      <c r="G34" s="1" t="s">
        <v>149</v>
      </c>
      <c r="J34" s="1" t="s">
        <v>31</v>
      </c>
      <c r="K34" s="1" t="s">
        <v>270</v>
      </c>
      <c r="M34" s="1" t="s">
        <v>133</v>
      </c>
      <c r="N34" s="1" t="s">
        <v>34</v>
      </c>
      <c r="O34" s="1" t="s">
        <v>35</v>
      </c>
      <c r="P34" s="1" t="s">
        <v>36</v>
      </c>
      <c r="Q34" s="1" t="s">
        <v>32</v>
      </c>
      <c r="R34" s="1" t="s">
        <v>77</v>
      </c>
      <c r="S34" s="1" t="s">
        <v>96</v>
      </c>
      <c r="T34" s="1" t="s">
        <v>40</v>
      </c>
      <c r="U34" s="1">
        <v>13.4</v>
      </c>
      <c r="V34" s="3">
        <v>33</v>
      </c>
      <c r="W34" s="1"/>
      <c r="X34" s="1">
        <v>1.1000000000000001</v>
      </c>
      <c r="Y34" s="1">
        <v>0.1</v>
      </c>
      <c r="Z34" s="1">
        <v>1.6000000000000001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97</v>
      </c>
      <c r="BD34" s="1">
        <v>1</v>
      </c>
      <c r="BF34" s="1"/>
      <c r="BG34" s="1"/>
      <c r="BH34" s="1"/>
      <c r="BI34" s="1"/>
      <c r="BJ34" s="1"/>
      <c r="BK34" s="1"/>
      <c r="BL34" s="1"/>
      <c r="BM34" s="1" t="s">
        <v>359</v>
      </c>
      <c r="BN34" s="1">
        <v>7.4999999999999997E-2</v>
      </c>
      <c r="BO34" s="1">
        <v>17</v>
      </c>
      <c r="BP34" s="1">
        <v>6.1</v>
      </c>
      <c r="BQ34" s="1"/>
      <c r="BR34" s="1" t="s">
        <v>360</v>
      </c>
      <c r="BS34" s="1"/>
      <c r="BT34" s="1">
        <v>15</v>
      </c>
      <c r="BU34" s="1"/>
      <c r="BV34" s="1"/>
      <c r="BW34" s="1"/>
      <c r="BX34" s="1"/>
      <c r="BY34" s="1"/>
      <c r="BZ34" s="1"/>
    </row>
    <row r="35" spans="1:78" x14ac:dyDescent="0.15">
      <c r="B35" s="2">
        <v>0.44375000000000003</v>
      </c>
      <c r="C35" s="1" t="s">
        <v>333</v>
      </c>
      <c r="D35" s="1" t="s">
        <v>27</v>
      </c>
      <c r="E35" s="1" t="s">
        <v>334</v>
      </c>
      <c r="G35" s="1" t="s">
        <v>43</v>
      </c>
      <c r="J35" s="1" t="s">
        <v>271</v>
      </c>
      <c r="N35" s="1" t="s">
        <v>34</v>
      </c>
      <c r="P35" s="1" t="s">
        <v>36</v>
      </c>
      <c r="Q35" s="1" t="s">
        <v>43</v>
      </c>
      <c r="R35" s="1" t="s">
        <v>33</v>
      </c>
      <c r="S35" s="1" t="s">
        <v>39</v>
      </c>
      <c r="T35" s="1" t="s">
        <v>191</v>
      </c>
      <c r="U35" s="1">
        <v>11.1</v>
      </c>
      <c r="V35" s="1"/>
      <c r="W35" s="1"/>
      <c r="X35" s="1">
        <v>1.2</v>
      </c>
      <c r="Y35" s="1">
        <v>0.11</v>
      </c>
      <c r="Z35" s="1">
        <v>1.8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1</v>
      </c>
      <c r="BD35" s="1">
        <v>1</v>
      </c>
      <c r="BF35" s="1"/>
      <c r="BG35" s="1"/>
      <c r="BH35" s="1"/>
      <c r="BI35" s="1"/>
      <c r="BJ35" s="1"/>
      <c r="BK35" s="1"/>
      <c r="BL35" s="1"/>
      <c r="BM35" s="1" t="s">
        <v>359</v>
      </c>
      <c r="BN35" s="1">
        <v>7.3999999999999996E-2</v>
      </c>
      <c r="BO35" s="1">
        <v>16</v>
      </c>
      <c r="BP35" s="1">
        <v>5.7</v>
      </c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4375000000000003</v>
      </c>
      <c r="C36" s="1" t="s">
        <v>375</v>
      </c>
      <c r="D36" s="1" t="s">
        <v>27</v>
      </c>
      <c r="E36" s="1" t="s">
        <v>334</v>
      </c>
      <c r="J36" s="1" t="s">
        <v>272</v>
      </c>
      <c r="N36" s="1" t="s">
        <v>34</v>
      </c>
      <c r="U36" s="1"/>
      <c r="V36" s="1"/>
      <c r="W36" s="1"/>
      <c r="X36" s="1"/>
      <c r="Y36" s="1"/>
      <c r="Z36" s="1"/>
      <c r="AC36" s="1" t="s">
        <v>345</v>
      </c>
      <c r="AD36" s="1" t="s">
        <v>346</v>
      </c>
      <c r="AE36" s="1" t="s">
        <v>343</v>
      </c>
      <c r="AF36" s="1" t="s">
        <v>347</v>
      </c>
      <c r="AG36" s="1" t="s">
        <v>348</v>
      </c>
      <c r="AH36" s="1" t="s">
        <v>343</v>
      </c>
      <c r="AI36" s="1"/>
      <c r="AJ36" s="1"/>
      <c r="AK36" s="1" t="s">
        <v>344</v>
      </c>
      <c r="AL36" s="1" t="s">
        <v>344</v>
      </c>
      <c r="AM36" s="1" t="s">
        <v>344</v>
      </c>
      <c r="AN36" s="1" t="s">
        <v>344</v>
      </c>
      <c r="AO36" s="1" t="s">
        <v>344</v>
      </c>
      <c r="AP36" t="s">
        <v>344</v>
      </c>
      <c r="AQ36" s="1" t="s">
        <v>344</v>
      </c>
      <c r="AR36" s="1" t="s">
        <v>344</v>
      </c>
      <c r="AS36" s="1" t="s">
        <v>344</v>
      </c>
      <c r="AT36" s="1" t="s">
        <v>353</v>
      </c>
      <c r="AU36" s="1"/>
      <c r="AV36" s="1"/>
      <c r="AW36" s="1"/>
      <c r="AX36" s="1" t="s">
        <v>344</v>
      </c>
      <c r="AY36" s="1" t="s">
        <v>354</v>
      </c>
      <c r="AZ36" s="1">
        <v>0.1</v>
      </c>
      <c r="BA36" s="1" t="s">
        <v>347</v>
      </c>
      <c r="BB36" s="1"/>
      <c r="BC36" s="1"/>
      <c r="BD36" s="1"/>
      <c r="BE36" t="s">
        <v>348</v>
      </c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37</v>
      </c>
      <c r="B37" s="2">
        <v>0.42569444444444443</v>
      </c>
      <c r="C37" s="1" t="s">
        <v>332</v>
      </c>
      <c r="D37" s="1" t="s">
        <v>27</v>
      </c>
      <c r="E37" s="1" t="s">
        <v>334</v>
      </c>
      <c r="F37" s="1" t="s">
        <v>273</v>
      </c>
      <c r="G37" s="1" t="s">
        <v>140</v>
      </c>
      <c r="J37" s="1" t="s">
        <v>31</v>
      </c>
      <c r="K37" s="1" t="s">
        <v>259</v>
      </c>
      <c r="M37" s="1" t="s">
        <v>133</v>
      </c>
      <c r="N37" s="1" t="s">
        <v>34</v>
      </c>
      <c r="O37" s="1" t="s">
        <v>35</v>
      </c>
      <c r="P37" s="1" t="s">
        <v>36</v>
      </c>
      <c r="Q37" s="1" t="s">
        <v>32</v>
      </c>
      <c r="R37" s="1" t="s">
        <v>38</v>
      </c>
      <c r="S37" s="1" t="s">
        <v>53</v>
      </c>
      <c r="T37" s="1" t="s">
        <v>40</v>
      </c>
      <c r="U37" s="1">
        <v>12.5</v>
      </c>
      <c r="V37" s="3">
        <v>49</v>
      </c>
      <c r="W37" s="1"/>
      <c r="X37" s="1">
        <v>1.2</v>
      </c>
      <c r="Y37" s="1">
        <v>0.1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97</v>
      </c>
      <c r="BD37" s="1">
        <v>1</v>
      </c>
      <c r="BF37" s="1"/>
      <c r="BG37" s="1"/>
      <c r="BH37" s="1"/>
      <c r="BI37" s="1"/>
      <c r="BJ37" s="1"/>
      <c r="BK37" s="1"/>
      <c r="BL37" s="1"/>
      <c r="BM37" s="1" t="s">
        <v>359</v>
      </c>
      <c r="BN37" s="1">
        <v>6.6000000000000003E-2</v>
      </c>
      <c r="BO37" s="1">
        <v>16</v>
      </c>
      <c r="BP37" s="1">
        <v>6.5</v>
      </c>
      <c r="BQ37" s="1"/>
      <c r="BR37" s="1"/>
      <c r="BS37" s="1"/>
      <c r="BT37" s="1">
        <v>18</v>
      </c>
      <c r="BU37" s="1"/>
      <c r="BV37" s="1"/>
      <c r="BW37" s="1"/>
      <c r="BX37" s="1"/>
      <c r="BY37" s="1"/>
      <c r="BZ37" s="1"/>
    </row>
    <row r="38" spans="1:78" x14ac:dyDescent="0.15">
      <c r="B38" s="2">
        <v>0.42569444444444443</v>
      </c>
      <c r="C38" s="1" t="s">
        <v>333</v>
      </c>
      <c r="D38" s="1" t="s">
        <v>27</v>
      </c>
      <c r="E38" s="1" t="s">
        <v>334</v>
      </c>
      <c r="G38" s="1" t="s">
        <v>132</v>
      </c>
      <c r="J38" s="1" t="s">
        <v>269</v>
      </c>
      <c r="N38" s="1" t="s">
        <v>34</v>
      </c>
      <c r="P38" s="1" t="s">
        <v>36</v>
      </c>
      <c r="Q38" s="1" t="s">
        <v>82</v>
      </c>
      <c r="R38" s="1" t="s">
        <v>130</v>
      </c>
      <c r="S38" s="1" t="s">
        <v>106</v>
      </c>
      <c r="T38" s="1" t="s">
        <v>204</v>
      </c>
      <c r="U38" s="1">
        <v>7.2</v>
      </c>
      <c r="V38" s="1"/>
      <c r="W38" s="1"/>
      <c r="X38" s="1">
        <v>1.3</v>
      </c>
      <c r="Y38" s="1">
        <v>9.8000000000000004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2</v>
      </c>
      <c r="BC38" s="1">
        <v>0.93</v>
      </c>
      <c r="BD38" s="1">
        <v>0.98</v>
      </c>
      <c r="BF38" s="1"/>
      <c r="BG38" s="1"/>
      <c r="BH38" s="1"/>
      <c r="BI38" s="1"/>
      <c r="BJ38" s="1"/>
      <c r="BK38" s="1"/>
      <c r="BL38" s="1"/>
      <c r="BM38" s="1">
        <v>0.1</v>
      </c>
      <c r="BN38" s="1">
        <v>5.6000000000000001E-2</v>
      </c>
      <c r="BO38" s="1">
        <v>17</v>
      </c>
      <c r="BP38" s="1">
        <v>6.2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42569444444444443</v>
      </c>
      <c r="C39" s="1" t="s">
        <v>375</v>
      </c>
      <c r="D39" s="1" t="s">
        <v>27</v>
      </c>
      <c r="E39" s="1" t="s">
        <v>334</v>
      </c>
      <c r="J39" s="1" t="s">
        <v>182</v>
      </c>
      <c r="N39" s="1" t="s">
        <v>34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 t="s">
        <v>343</v>
      </c>
      <c r="AI39" s="1"/>
      <c r="AJ39" s="1"/>
      <c r="AK39" s="1"/>
      <c r="AL39" s="1"/>
      <c r="AM39" s="1"/>
      <c r="AN39" s="1"/>
      <c r="AO39" s="1"/>
      <c r="AQ39" s="1"/>
      <c r="AR39" s="1" t="s">
        <v>344</v>
      </c>
      <c r="AS39" s="1" t="s">
        <v>344</v>
      </c>
      <c r="AT39" s="1"/>
      <c r="AU39" s="1" t="s">
        <v>343</v>
      </c>
      <c r="AV39" s="1" t="s">
        <v>345</v>
      </c>
      <c r="AW39" s="1" t="s">
        <v>34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境川橋</vt:lpstr>
      <vt:lpstr>日連大橋</vt:lpstr>
      <vt:lpstr>湖央西部</vt:lpstr>
      <vt:lpstr>湖央東部</vt:lpstr>
      <vt:lpstr>相模湖大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9:46Z</dcterms:created>
  <dcterms:modified xsi:type="dcterms:W3CDTF">2020-03-21T09:10:42Z</dcterms:modified>
</cp:coreProperties>
</file>